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X:\水道施設課\水道施設係\○令和０３年度\資整\NT三滝西水源地ほか水質計器等更新工事【単年度】\持込書類\"/>
    </mc:Choice>
  </mc:AlternateContent>
  <bookViews>
    <workbookView xWindow="-105" yWindow="45" windowWidth="19320" windowHeight="7635" tabRatio="745"/>
  </bookViews>
  <sheets>
    <sheet name="工事費内訳書" sheetId="3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</externalReferences>
  <definedNames>
    <definedName name="_">#REF!</definedName>
    <definedName name="______________d2">[1]!ピクチャ5_Click</definedName>
    <definedName name="_____________d2">[2]!ピクチャ5_Click</definedName>
    <definedName name="____________d2">[1]!ピクチャ5_Click</definedName>
    <definedName name="___________d2">[1]!ピクチャ5_Click</definedName>
    <definedName name="__________d2">[1]!ピクチャ5_Click</definedName>
    <definedName name="_________d2">[1]!ピクチャ5_Click</definedName>
    <definedName name="________d2">[1]!ピクチャ5_Click</definedName>
    <definedName name="_______d2">[1]!ピクチャ5_Click</definedName>
    <definedName name="_______RE2">#REF!</definedName>
    <definedName name="_______SUB2">#REF!</definedName>
    <definedName name="_______SUB3">#REF!</definedName>
    <definedName name="_______SUB4">#REF!</definedName>
    <definedName name="______d2">[1]!ピクチャ5_Click</definedName>
    <definedName name="______RE2">#REF!</definedName>
    <definedName name="______SUB2">#REF!</definedName>
    <definedName name="______SUB3">#REF!</definedName>
    <definedName name="______SUB4">#REF!</definedName>
    <definedName name="_____d2">[1]!ピクチャ5_Click</definedName>
    <definedName name="_____RE2">#REF!</definedName>
    <definedName name="_____rep2" hidden="1">{"設定1",#N/A,FALSE,"第5号-1";"設定2",#N/A,FALSE,"第5号-1"}</definedName>
    <definedName name="_____SUB2">#REF!</definedName>
    <definedName name="_____SUB3">#REF!</definedName>
    <definedName name="_____SUB4">#REF!</definedName>
    <definedName name="____BOX01">#REF!</definedName>
    <definedName name="____BOX02">#REF!</definedName>
    <definedName name="____BOX03">#REF!</definedName>
    <definedName name="____BUN2">[3]歩・屋!$E$5:$T$16</definedName>
    <definedName name="____d2">[1]!ピクチャ5_Click</definedName>
    <definedName name="____RE2">#REF!</definedName>
    <definedName name="____SON1">#REF!</definedName>
    <definedName name="____son2">#REF!</definedName>
    <definedName name="____SON3">#REF!</definedName>
    <definedName name="____SUB2">#REF!</definedName>
    <definedName name="____SUB3">#REF!</definedName>
    <definedName name="____SUB4">#REF!</definedName>
    <definedName name="____tan1">#REF!</definedName>
    <definedName name="____tan2">#REF!</definedName>
    <definedName name="____tan3">#REF!</definedName>
    <definedName name="___A1">'[4]#REF'!#REF!</definedName>
    <definedName name="___ｂ９">#REF!</definedName>
    <definedName name="___BOX01">#REF!</definedName>
    <definedName name="___BOX02">#REF!</definedName>
    <definedName name="___BOX03">#REF!</definedName>
    <definedName name="___BUN2">[3]歩・屋!$E$5:$T$16</definedName>
    <definedName name="___d2">[1]!ピクチャ5_Click</definedName>
    <definedName name="___N10">#REF!</definedName>
    <definedName name="___N11">#REF!</definedName>
    <definedName name="___N12">#REF!</definedName>
    <definedName name="___N13">#REF!</definedName>
    <definedName name="___N14">#REF!</definedName>
    <definedName name="___N15">#REF!</definedName>
    <definedName name="___N16">#REF!</definedName>
    <definedName name="___N17">#REF!</definedName>
    <definedName name="___N18">#REF!</definedName>
    <definedName name="___N19">#REF!</definedName>
    <definedName name="___N20">#REF!</definedName>
    <definedName name="___N21">#REF!</definedName>
    <definedName name="___N22">#REF!</definedName>
    <definedName name="___N23">#REF!</definedName>
    <definedName name="___N24">#REF!</definedName>
    <definedName name="___N25">#REF!</definedName>
    <definedName name="___N26">#REF!</definedName>
    <definedName name="___N27">#REF!</definedName>
    <definedName name="___N28">#REF!</definedName>
    <definedName name="___N29">#REF!</definedName>
    <definedName name="___N30">#REF!</definedName>
    <definedName name="___N31">#REF!</definedName>
    <definedName name="___N32">#REF!</definedName>
    <definedName name="___N33">#REF!</definedName>
    <definedName name="___N34">#REF!</definedName>
    <definedName name="___N5">#REF!</definedName>
    <definedName name="___N6">#REF!</definedName>
    <definedName name="___N7">#REF!</definedName>
    <definedName name="___N8">#REF!</definedName>
    <definedName name="___N9">#REF!</definedName>
    <definedName name="___RE2">#REF!</definedName>
    <definedName name="___rep2" hidden="1">{"設定1",#N/A,FALSE,"第5号-1";"設定2",#N/A,FALSE,"第5号-1"}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1">#REF!</definedName>
    <definedName name="___tan2">#REF!</definedName>
    <definedName name="___tan3">#REF!</definedName>
    <definedName name="___V1">#REF!</definedName>
    <definedName name="___V10">#REF!</definedName>
    <definedName name="___V11">#REF!</definedName>
    <definedName name="___V12">#REF!</definedName>
    <definedName name="___V13">#REF!</definedName>
    <definedName name="___V14">#REF!</definedName>
    <definedName name="___V15">#REF!</definedName>
    <definedName name="___V16">#REF!</definedName>
    <definedName name="___V17">#REF!</definedName>
    <definedName name="___V18">#REF!</definedName>
    <definedName name="___V19">#REF!</definedName>
    <definedName name="___V2">#REF!</definedName>
    <definedName name="___V20">#REF!</definedName>
    <definedName name="___V21">#REF!</definedName>
    <definedName name="___V22">#REF!</definedName>
    <definedName name="___V23">#REF!</definedName>
    <definedName name="___V24">#REF!</definedName>
    <definedName name="___V25">#REF!</definedName>
    <definedName name="___V26">#REF!</definedName>
    <definedName name="___V27">#REF!</definedName>
    <definedName name="___V28">#REF!</definedName>
    <definedName name="___V29">#REF!</definedName>
    <definedName name="___V30">#REF!</definedName>
    <definedName name="___V31">#REF!</definedName>
    <definedName name="___V32">#REF!</definedName>
    <definedName name="___V33">#REF!</definedName>
    <definedName name="___V34">#REF!</definedName>
    <definedName name="___V35">#REF!</definedName>
    <definedName name="___V36">#REF!</definedName>
    <definedName name="___V37">#REF!</definedName>
    <definedName name="___V38">#REF!</definedName>
    <definedName name="___V5">#REF!</definedName>
    <definedName name="___V6">#REF!</definedName>
    <definedName name="___V7">#REF!</definedName>
    <definedName name="___V8">#REF!</definedName>
    <definedName name="___V9">#REF!</definedName>
    <definedName name="__1">#REF!</definedName>
    <definedName name="__10">#REF!</definedName>
    <definedName name="__11">#REF!</definedName>
    <definedName name="__12">#REF!</definedName>
    <definedName name="__123Graph_A" hidden="1">[5]工程算出!#REF!</definedName>
    <definedName name="__123Graph_A外装" hidden="1">[6]仮設躯体!#REF!</definedName>
    <definedName name="__123Graph_A躯体" hidden="1">[6]仮設躯体!#REF!</definedName>
    <definedName name="__123Graph_A建築" hidden="1">[6]仮設躯体!#REF!</definedName>
    <definedName name="__123Graph_A室内" hidden="1">[6]仮設躯体!#REF!</definedName>
    <definedName name="__123Graph_A土工" hidden="1">[6]仮設躯体!#REF!</definedName>
    <definedName name="__123Graph_A内装" hidden="1">[6]仮設躯体!#REF!</definedName>
    <definedName name="__123Graph_B" hidden="1">#REF!</definedName>
    <definedName name="__123Graph_LBL_A" hidden="1">[5]工程算出!#REF!</definedName>
    <definedName name="__123Graph_X" hidden="1">[5]工程算出!#REF!</definedName>
    <definedName name="__123Graph_X外装" hidden="1">[6]仮設躯体!#REF!</definedName>
    <definedName name="__123Graph_X躯体" hidden="1">[6]仮設躯体!#REF!</definedName>
    <definedName name="__123Graph_X建築" hidden="1">[6]仮設躯体!#REF!</definedName>
    <definedName name="__123Graph_X室内" hidden="1">[6]仮設躯体!#REF!</definedName>
    <definedName name="__123Graph_X土工" hidden="1">[6]仮設躯体!#REF!</definedName>
    <definedName name="__123Graph_X内装" hidden="1">[6]仮設躯体!#REF!</definedName>
    <definedName name="__2">#REF!</definedName>
    <definedName name="__3">#REF!</definedName>
    <definedName name="__4">#REF!</definedName>
    <definedName name="__5">#REF!</definedName>
    <definedName name="__6">#REF!</definedName>
    <definedName name="__7">#REF!</definedName>
    <definedName name="__8">#REF!</definedName>
    <definedName name="__9">#REF!</definedName>
    <definedName name="__A1">#REF!</definedName>
    <definedName name="__ｂ９">#REF!</definedName>
    <definedName name="__BOX01">#REF!</definedName>
    <definedName name="__BOX02">#REF!</definedName>
    <definedName name="__BOX03">#REF!</definedName>
    <definedName name="__BUN2">[3]歩・屋!$E$5:$T$16</definedName>
    <definedName name="__d2">[1]!ピクチャ5_Click</definedName>
    <definedName name="__N10">#REF!</definedName>
    <definedName name="__N11">#REF!</definedName>
    <definedName name="__N12">#REF!</definedName>
    <definedName name="__N13">#REF!</definedName>
    <definedName name="__N14">#REF!</definedName>
    <definedName name="__N15">#REF!</definedName>
    <definedName name="__N16">#REF!</definedName>
    <definedName name="__N17">#REF!</definedName>
    <definedName name="__N18">#REF!</definedName>
    <definedName name="__N19">#REF!</definedName>
    <definedName name="__N20">#REF!</definedName>
    <definedName name="__N21">#REF!</definedName>
    <definedName name="__N22">#REF!</definedName>
    <definedName name="__N23">#REF!</definedName>
    <definedName name="__N24">#REF!</definedName>
    <definedName name="__N25">#REF!</definedName>
    <definedName name="__N26">#REF!</definedName>
    <definedName name="__N27">#REF!</definedName>
    <definedName name="__N28">#REF!</definedName>
    <definedName name="__N29">#REF!</definedName>
    <definedName name="__N30">#REF!</definedName>
    <definedName name="__N31">#REF!</definedName>
    <definedName name="__N32">#REF!</definedName>
    <definedName name="__N33">#REF!</definedName>
    <definedName name="__N34">#REF!</definedName>
    <definedName name="__N5">#REF!</definedName>
    <definedName name="__N6">#REF!</definedName>
    <definedName name="__N7">#REF!</definedName>
    <definedName name="__N8">#REF!</definedName>
    <definedName name="__N9">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_V1">#REF!</definedName>
    <definedName name="__V10">#REF!</definedName>
    <definedName name="__V11">#REF!</definedName>
    <definedName name="__V12">#REF!</definedName>
    <definedName name="__V13">#REF!</definedName>
    <definedName name="__V14">#REF!</definedName>
    <definedName name="__V15">#REF!</definedName>
    <definedName name="__V16">#REF!</definedName>
    <definedName name="__V17">#REF!</definedName>
    <definedName name="__V18">#REF!</definedName>
    <definedName name="__V19">#REF!</definedName>
    <definedName name="__V2">#REF!</definedName>
    <definedName name="__V20">#REF!</definedName>
    <definedName name="__V21">#REF!</definedName>
    <definedName name="__V22">#REF!</definedName>
    <definedName name="__V23">#REF!</definedName>
    <definedName name="__V24">#REF!</definedName>
    <definedName name="__V25">#REF!</definedName>
    <definedName name="__V26">#REF!</definedName>
    <definedName name="__V27">#REF!</definedName>
    <definedName name="__V28">#REF!</definedName>
    <definedName name="__V29">#REF!</definedName>
    <definedName name="__V30">#REF!</definedName>
    <definedName name="__V31">#REF!</definedName>
    <definedName name="__V32">#REF!</definedName>
    <definedName name="__V33">#REF!</definedName>
    <definedName name="__V34">#REF!</definedName>
    <definedName name="__V35">#REF!</definedName>
    <definedName name="__V36">#REF!</definedName>
    <definedName name="__V37">#REF!</definedName>
    <definedName name="__V38">#REF!</definedName>
    <definedName name="__V5">#REF!</definedName>
    <definedName name="__V6">#REF!</definedName>
    <definedName name="__V7">#REF!</definedName>
    <definedName name="__V8">#REF!</definedName>
    <definedName name="__V9">#REF!</definedName>
    <definedName name="_1">#REF!</definedName>
    <definedName name="_10">#REF!</definedName>
    <definedName name="_1000">#REF!</definedName>
    <definedName name="_1010">[7]見積01!#REF!</definedName>
    <definedName name="_1020">[7]見積01!#REF!</definedName>
    <definedName name="_10N1_">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1N10_">#REF!</definedName>
    <definedName name="_12">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hidden="1">[8]Sheet2!#REF!</definedName>
    <definedName name="_123Graph" hidden="1">[8]Sheet2!#REF!</definedName>
    <definedName name="_12N11_">#REF!</definedName>
    <definedName name="_13">[7]見積01!#REF!</definedName>
    <definedName name="_13N12_">#REF!</definedName>
    <definedName name="_14">[7]見積01!#REF!</definedName>
    <definedName name="_14N13_">#REF!</definedName>
    <definedName name="_15">[7]見積01!#REF!</definedName>
    <definedName name="_15N14_">#REF!</definedName>
    <definedName name="_16">#REF!</definedName>
    <definedName name="_16N15_">#REF!</definedName>
    <definedName name="_17">#REF!</definedName>
    <definedName name="_17N16_">#REF!</definedName>
    <definedName name="_18">#REF!</definedName>
    <definedName name="_18N17_">#REF!</definedName>
    <definedName name="_19">#REF!</definedName>
    <definedName name="_19N18_">#REF!</definedName>
    <definedName name="_1ｂ９_">#REF!</definedName>
    <definedName name="_1d2_">[1]!ピクチャ5_Click</definedName>
    <definedName name="_1Print_Area_02__4">#REF!</definedName>
    <definedName name="_2">#REF!</definedName>
    <definedName name="_2.0×2___1.08×2___×_2.95">#REF!</definedName>
    <definedName name="_20">#REF!</definedName>
    <definedName name="_20N19_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2N2_">#REF!</definedName>
    <definedName name="_23">#REF!</definedName>
    <definedName name="_23N20_">#REF!</definedName>
    <definedName name="_24N21_">#REF!</definedName>
    <definedName name="_25N22_">#REF!</definedName>
    <definedName name="_26N23_">#REF!</definedName>
    <definedName name="_27N24_">#REF!</definedName>
    <definedName name="_28N25_">#REF!</definedName>
    <definedName name="_29N26_">#REF!</definedName>
    <definedName name="_2ページまで">#REF!</definedName>
    <definedName name="_2印刷範囲_2">#REF!</definedName>
    <definedName name="_2号明細書_M">#REF!</definedName>
    <definedName name="_3">#REF!</definedName>
    <definedName name="_30N27_">#REF!</definedName>
    <definedName name="_31N28_">#REF!</definedName>
    <definedName name="_32N29_">#REF!</definedName>
    <definedName name="_33">#REF!</definedName>
    <definedName name="_34N3_">#REF!</definedName>
    <definedName name="_35N30_">#REF!</definedName>
    <definedName name="_36N31_">#REF!</definedName>
    <definedName name="_37N32_">#REF!</definedName>
    <definedName name="_38N33_">#REF!</definedName>
    <definedName name="_39N34_">#REF!</definedName>
    <definedName name="_3d2_">[1]!ピクチャ5_Click</definedName>
    <definedName name="_3Print_Area_02">#REF!</definedName>
    <definedName name="_3ページまで">#REF!</definedName>
    <definedName name="_3印刷範囲_5">#REF!</definedName>
    <definedName name="_3行挿入">#REF!</definedName>
    <definedName name="_4">#REF!</definedName>
    <definedName name="_4_">'[4]#REF'!#REF!</definedName>
    <definedName name="_41N4_">#REF!</definedName>
    <definedName name="_42N5_">#REF!</definedName>
    <definedName name="_43N6_">#REF!</definedName>
    <definedName name="_44">#REF!</definedName>
    <definedName name="_44N7_">#REF!</definedName>
    <definedName name="_45N8_">#REF!</definedName>
    <definedName name="_46N9_">#REF!</definedName>
    <definedName name="_48V1_">#REF!</definedName>
    <definedName name="_49V10_">#REF!</definedName>
    <definedName name="_4d2_">[9]!ピクチャ5_Click</definedName>
    <definedName name="_4Print_Area_03">#REF!</definedName>
    <definedName name="_4ページまで">#REF!</definedName>
    <definedName name="_4印刷範囲_6">#REF!</definedName>
    <definedName name="_5">#REF!</definedName>
    <definedName name="_50">#REF!</definedName>
    <definedName name="_50V11_">#REF!</definedName>
    <definedName name="_51V12_">#REF!</definedName>
    <definedName name="_52V13_">#REF!</definedName>
    <definedName name="_53V14_">#REF!</definedName>
    <definedName name="_54V15_">#REF!</definedName>
    <definedName name="_55">#REF!</definedName>
    <definedName name="_55V16_">#REF!</definedName>
    <definedName name="_56V17_">#REF!</definedName>
    <definedName name="_57V18_">#REF!</definedName>
    <definedName name="_58V19_">#REF!</definedName>
    <definedName name="_5ページまで">#REF!</definedName>
    <definedName name="_5印刷範囲_7">#REF!</definedName>
    <definedName name="_6">#REF!</definedName>
    <definedName name="_60V2_">#REF!</definedName>
    <definedName name="_61V20_">#REF!</definedName>
    <definedName name="_62V21_">#REF!</definedName>
    <definedName name="_63V22_">#REF!</definedName>
    <definedName name="_64V23_">#REF!</definedName>
    <definedName name="_65V24_">#REF!</definedName>
    <definedName name="_66">#REF!</definedName>
    <definedName name="_66V25_">#REF!</definedName>
    <definedName name="_67V26_">#REF!</definedName>
    <definedName name="_68V27_">#REF!</definedName>
    <definedName name="_69V28_">#REF!</definedName>
    <definedName name="_6ページまで">#REF!</definedName>
    <definedName name="_7">#REF!</definedName>
    <definedName name="_70V29_">#REF!</definedName>
    <definedName name="_72V3_">#REF!</definedName>
    <definedName name="_73V30_">#REF!</definedName>
    <definedName name="_74V31_">#REF!</definedName>
    <definedName name="_75V32_">#REF!</definedName>
    <definedName name="_76V33_">#REF!</definedName>
    <definedName name="_77V34_">#REF!</definedName>
    <definedName name="_78V35_">#REF!</definedName>
    <definedName name="_79V36_">#REF!</definedName>
    <definedName name="_7ページまで">#REF!</definedName>
    <definedName name="_8">#REF!</definedName>
    <definedName name="_80V37_">#REF!</definedName>
    <definedName name="_81V38_">#REF!</definedName>
    <definedName name="_83V4_">#REF!</definedName>
    <definedName name="_84V5_">#REF!</definedName>
    <definedName name="_850">#REF!</definedName>
    <definedName name="_85V6_">#REF!</definedName>
    <definedName name="_86V7_">#REF!</definedName>
    <definedName name="_87V8_">#REF!</definedName>
    <definedName name="_88">#REF!</definedName>
    <definedName name="_88V9_">#REF!</definedName>
    <definedName name="_8A1_">'[4]#REF'!#REF!</definedName>
    <definedName name="_9">#REF!</definedName>
    <definedName name="_99">#REF!</definedName>
    <definedName name="_A1">#REF!</definedName>
    <definedName name="_A10">#REF!</definedName>
    <definedName name="_A11">#REF!</definedName>
    <definedName name="_A12">#REF!</definedName>
    <definedName name="_A13">#REF!</definedName>
    <definedName name="_A14">#REF!</definedName>
    <definedName name="_A15">#REF!</definedName>
    <definedName name="_A16">#REF!</definedName>
    <definedName name="_A17">#REF!</definedName>
    <definedName name="_A18">#REF!</definedName>
    <definedName name="_A19">#REF!</definedName>
    <definedName name="_A2">#REF!</definedName>
    <definedName name="_A20">#REF!</definedName>
    <definedName name="_A21">#REF!</definedName>
    <definedName name="_A22">#REF!</definedName>
    <definedName name="_A23">#REF!</definedName>
    <definedName name="_A24">#REF!</definedName>
    <definedName name="_A25">#REF!</definedName>
    <definedName name="_A26">#REF!</definedName>
    <definedName name="_A27">#REF!</definedName>
    <definedName name="_A28">#REF!</definedName>
    <definedName name="_A29">#REF!</definedName>
    <definedName name="_A3">#REF!</definedName>
    <definedName name="_A30">#REF!</definedName>
    <definedName name="_A31">#REF!</definedName>
    <definedName name="_A32">#REF!</definedName>
    <definedName name="_A33">#REF!</definedName>
    <definedName name="_A34">#REF!</definedName>
    <definedName name="_A35">#REF!</definedName>
    <definedName name="_A36">#REF!</definedName>
    <definedName name="_A37">#REF!</definedName>
    <definedName name="_A38">#REF!</definedName>
    <definedName name="_A39">#REF!</definedName>
    <definedName name="_A4">#REF!</definedName>
    <definedName name="_A40">#REF!</definedName>
    <definedName name="_A41">#REF!</definedName>
    <definedName name="_A42">#REF!</definedName>
    <definedName name="_A43">#REF!</definedName>
    <definedName name="_A44">#REF!</definedName>
    <definedName name="_A45">#REF!</definedName>
    <definedName name="_A46">#REF!</definedName>
    <definedName name="_A47">#REF!</definedName>
    <definedName name="_A48">#REF!</definedName>
    <definedName name="_A49">#REF!</definedName>
    <definedName name="_A5">#REF!</definedName>
    <definedName name="_A50">#REF!</definedName>
    <definedName name="_A51">#REF!</definedName>
    <definedName name="_A52">#REF!</definedName>
    <definedName name="_A53">#REF!</definedName>
    <definedName name="_A54">#REF!</definedName>
    <definedName name="_A55">#REF!</definedName>
    <definedName name="_A56">#REF!</definedName>
    <definedName name="_A57">#REF!</definedName>
    <definedName name="_A58">#REF!</definedName>
    <definedName name="_A59">#REF!</definedName>
    <definedName name="_A6">#REF!</definedName>
    <definedName name="_A60">#REF!</definedName>
    <definedName name="_A61">#REF!</definedName>
    <definedName name="_A62">#REF!</definedName>
    <definedName name="_A63">#REF!</definedName>
    <definedName name="_A64">#REF!</definedName>
    <definedName name="_A65">#REF!</definedName>
    <definedName name="_A66">#REF!</definedName>
    <definedName name="_A67">#REF!</definedName>
    <definedName name="_A68">#REF!</definedName>
    <definedName name="_A69">#REF!</definedName>
    <definedName name="_A7">#REF!</definedName>
    <definedName name="_A70">#REF!</definedName>
    <definedName name="_A71">#REF!</definedName>
    <definedName name="_A73">#REF!</definedName>
    <definedName name="_A74">#REF!</definedName>
    <definedName name="_A75">#REF!</definedName>
    <definedName name="_A76">#REF!</definedName>
    <definedName name="_A77">#REF!</definedName>
    <definedName name="_A78">#REF!</definedName>
    <definedName name="_A79">#REF!</definedName>
    <definedName name="_A8">#REF!</definedName>
    <definedName name="_A81">#REF!</definedName>
    <definedName name="_A82">#REF!</definedName>
    <definedName name="_A9">#REF!</definedName>
    <definedName name="_ｂ９">#REF!</definedName>
    <definedName name="_BOX01">#REF!</definedName>
    <definedName name="_BOX02">#REF!</definedName>
    <definedName name="_BOX03">#REF!</definedName>
    <definedName name="_BUN2">[3]歩・屋!$E$5:$T$16</definedName>
    <definedName name="_d2">[1]!ピクチャ5_Click</definedName>
    <definedName name="_d3">[10]!ピクチャ5_Click</definedName>
    <definedName name="_dd1">[11]!Dialog3_ボタン2_Click</definedName>
    <definedName name="_ddd2">[11]!ピクチャ5_Click</definedName>
    <definedName name="_Fill" hidden="1">#REF!</definedName>
    <definedName name="_xlnm._FilterDatabase" hidden="1">#REF!</definedName>
    <definedName name="_I1">#REF!</definedName>
    <definedName name="_I2">#REF!</definedName>
    <definedName name="_I3">#REF!</definedName>
    <definedName name="_Key1" hidden="1">[3]内・屋外!#REF!</definedName>
    <definedName name="_Key2" hidden="1">[3]内・屋外!#REF!</definedName>
    <definedName name="_N1">#REF!</definedName>
    <definedName name="_N10">#REF!</definedName>
    <definedName name="_N11">#REF!</definedName>
    <definedName name="_N12">#REF!</definedName>
    <definedName name="_N13">#REF!</definedName>
    <definedName name="_N14">#REF!</definedName>
    <definedName name="_N15">#REF!</definedName>
    <definedName name="_N16">#REF!</definedName>
    <definedName name="_N17">#REF!</definedName>
    <definedName name="_N18">#REF!</definedName>
    <definedName name="_N19">#REF!</definedName>
    <definedName name="_N2">#REF!</definedName>
    <definedName name="_N20">#REF!</definedName>
    <definedName name="_N21">#REF!</definedName>
    <definedName name="_N22">#REF!</definedName>
    <definedName name="_N23">#REF!</definedName>
    <definedName name="_N24">#REF!</definedName>
    <definedName name="_N25">#REF!</definedName>
    <definedName name="_N26">#REF!</definedName>
    <definedName name="_N27">#REF!</definedName>
    <definedName name="_N28">#REF!</definedName>
    <definedName name="_N29">#REF!</definedName>
    <definedName name="_N3">#REF!</definedName>
    <definedName name="_N30">#REF!</definedName>
    <definedName name="_N31">#REF!</definedName>
    <definedName name="_N32">#REF!</definedName>
    <definedName name="_N33">#REF!</definedName>
    <definedName name="_N34">#REF!</definedName>
    <definedName name="_N4">#REF!</definedName>
    <definedName name="_N5">#REF!</definedName>
    <definedName name="_N6">#REF!</definedName>
    <definedName name="_N7">#REF!</definedName>
    <definedName name="_N8">#REF!</definedName>
    <definedName name="_N9">#REF!</definedName>
    <definedName name="_Order1" hidden="1">255</definedName>
    <definedName name="_Order2" hidden="1">255</definedName>
    <definedName name="_P">#REF!</definedName>
    <definedName name="_P1">#REF!</definedName>
    <definedName name="_p2">#REF!</definedName>
    <definedName name="_p3">#REF!</definedName>
    <definedName name="_Parse_Out" hidden="1">#REF!</definedName>
    <definedName name="_RE2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rep2" hidden="1">{"設定1",#N/A,FALSE,"第5号-1";"設定2",#N/A,FALSE,"第5号-1"}</definedName>
    <definedName name="_SON1">#REF!</definedName>
    <definedName name="_son2">#REF!</definedName>
    <definedName name="_SON3">#REF!</definedName>
    <definedName name="_Sort" hidden="1">[3]内・屋外!#REF!</definedName>
    <definedName name="_SUB2">#REF!</definedName>
    <definedName name="_SUB3">#REF!</definedName>
    <definedName name="_SUB4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n1">#REF!</definedName>
    <definedName name="_tan2">#REF!</definedName>
    <definedName name="_tan3">#REF!</definedName>
    <definedName name="_V1">#REF!</definedName>
    <definedName name="_V10">#REF!</definedName>
    <definedName name="_V11">#REF!</definedName>
    <definedName name="_V12">#REF!</definedName>
    <definedName name="_V13">#REF!</definedName>
    <definedName name="_V14">#REF!</definedName>
    <definedName name="_V15">#REF!</definedName>
    <definedName name="_V16">#REF!</definedName>
    <definedName name="_V17">#REF!</definedName>
    <definedName name="_V18">#REF!</definedName>
    <definedName name="_V19">#REF!</definedName>
    <definedName name="_V2">#REF!</definedName>
    <definedName name="_V20">#REF!</definedName>
    <definedName name="_V21">#REF!</definedName>
    <definedName name="_V22">#REF!</definedName>
    <definedName name="_V23">#REF!</definedName>
    <definedName name="_V24">#REF!</definedName>
    <definedName name="_V25">#REF!</definedName>
    <definedName name="_V26">#REF!</definedName>
    <definedName name="_V27">#REF!</definedName>
    <definedName name="_V28">#REF!</definedName>
    <definedName name="_V29">#REF!</definedName>
    <definedName name="_V3">#REF!</definedName>
    <definedName name="_V30">#REF!</definedName>
    <definedName name="_V31">#REF!</definedName>
    <definedName name="_V32">#REF!</definedName>
    <definedName name="_V33">#REF!</definedName>
    <definedName name="_V34">#REF!</definedName>
    <definedName name="_V35">#REF!</definedName>
    <definedName name="_V36">#REF!</definedName>
    <definedName name="_V37">#REF!</definedName>
    <definedName name="_V38">#REF!</definedName>
    <definedName name="_V4">#REF!</definedName>
    <definedName name="_V5">#REF!</definedName>
    <definedName name="_V6">#REF!</definedName>
    <definedName name="_V7">#REF!</definedName>
    <definedName name="_V8">#REF!</definedName>
    <definedName name="_V9">#REF!</definedName>
    <definedName name="\0">#REF!</definedName>
    <definedName name="\1">[12]諸経費計算表!$R$3:$AA$38</definedName>
    <definedName name="\11">[12]諸経費計算表!$R$3:$AA$38</definedName>
    <definedName name="￥1250">#REF!</definedName>
    <definedName name="￥1900">#REF!</definedName>
    <definedName name="\2">[12]諸経費計算表!$A$8:$F$65</definedName>
    <definedName name="\9">[13]率計算!#REF!</definedName>
    <definedName name="\A">#REF!</definedName>
    <definedName name="\A1">#REF!</definedName>
    <definedName name="\AA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FF">#REF!</definedName>
    <definedName name="\G">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REF!</definedName>
    <definedName name="\K1">#REF!</definedName>
    <definedName name="\L">#REF!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#REF!</definedName>
    <definedName name="\O1">#REF!</definedName>
    <definedName name="\P">#REF!</definedName>
    <definedName name="\P1">#REF!</definedName>
    <definedName name="\pn">[12]諸経費計算表!$A$2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￥あ">[14]土工!$D$2</definedName>
    <definedName name="\一覧表">#REF!</definedName>
    <definedName name="\印刷設定">#REF!</definedName>
    <definedName name="\印刷設定一">#REF!</definedName>
    <definedName name="A">#REF!</definedName>
    <definedName name="A_1">'[15]Ａ代価 '!$A$1:$K$65</definedName>
    <definedName name="Ａ_４">#REF!</definedName>
    <definedName name="Ａ_５">#REF!</definedName>
    <definedName name="A_アセチレン">#REF!</definedName>
    <definedName name="A_ガソリン">#REF!</definedName>
    <definedName name="A_プロパンガス">#REF!</definedName>
    <definedName name="A_軽油">#REF!</definedName>
    <definedName name="A_酸素">#REF!</definedName>
    <definedName name="A1_">[16]複１!#REF!</definedName>
    <definedName name="aa">[17]経費計算!#REF!</definedName>
    <definedName name="AAA">#REF!</definedName>
    <definedName name="AAAA">[0]!AAAA</definedName>
    <definedName name="aaaaa">[18]!Dialog3_ボタン2_Click</definedName>
    <definedName name="AAAAAAAAAAA">[19]!Dialog3_ボタン2_Click</definedName>
    <definedName name="AB">0.2</definedName>
    <definedName name="abc">#REF!</definedName>
    <definedName name="ABC番号">'[20]入力データ(H27用シート連動）'!$G$2:$G$15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">#REF!</definedName>
    <definedName name="Anzen">[21]!Anzen</definedName>
    <definedName name="AnzenHyouji">[21]!AnzenHyouji</definedName>
    <definedName name="aqw">[0]!aqw</definedName>
    <definedName name="AS">#REF!</definedName>
    <definedName name="ASDVIUI">#REF!</definedName>
    <definedName name="AUTOEXEC">#REF!</definedName>
    <definedName name="awe">[0]!awe</definedName>
    <definedName name="B">#REF!</definedName>
    <definedName name="Ｂ_14">'[22]Ｂ代価 '!#REF!</definedName>
    <definedName name="B4OUT">#REF!</definedName>
    <definedName name="B5OUT">#REF!</definedName>
    <definedName name="BANGOU">#REF!</definedName>
    <definedName name="ｂｂ">[23]条件!$C$14</definedName>
    <definedName name="BG">#REF!</definedName>
    <definedName name="BUGAKE">#REF!</definedName>
    <definedName name="BUN">[3]歩・屋!$E$5:$T$16</definedName>
    <definedName name="Ｂの１">#REF!</definedName>
    <definedName name="Ｂの２">#REF!</definedName>
    <definedName name="Ｂの３">#REF!</definedName>
    <definedName name="Ｂの４">#REF!</definedName>
    <definedName name="Ｂの６">#REF!</definedName>
    <definedName name="B種">#REF!</definedName>
    <definedName name="Ｂ代価">#REF!</definedName>
    <definedName name="C_25">'[22]Ｃ代価(1)'!#REF!</definedName>
    <definedName name="C_26">#REF!</definedName>
    <definedName name="C_27">'[22]Ｃ代価(1)'!#REF!</definedName>
    <definedName name="C_28">'[22]Ｃ代価(1)'!#REF!</definedName>
    <definedName name="C_29">#REF!</definedName>
    <definedName name="C_30">'[22]Ｃ代価(1)'!#REF!</definedName>
    <definedName name="C_31">'[22]Ｃ代価(1)'!#REF!</definedName>
    <definedName name="Ｃ_32">'[22]Ｃ代価(1)'!#REF!</definedName>
    <definedName name="Ｃ_33">'[22]Ｃ代価(1)'!#REF!</definedName>
    <definedName name="Ｃ_34">'[22]Ｃ代価(1)'!#REF!</definedName>
    <definedName name="Ｃ_35">'[22]Ｃ代価(1)'!#REF!</definedName>
    <definedName name="Ｃ_36">'[22]Ｃ代価(1)'!#REF!</definedName>
    <definedName name="C0">#REF!</definedName>
    <definedName name="CC">#REF!</definedName>
    <definedName name="ｃｃｃｃｃｃ">[18]!ピクチャ5_Click</definedName>
    <definedName name="ｃｄ">'[24]３ページ'!$S$66</definedName>
    <definedName name="COUNTER">[25]表紙!#REF!</definedName>
    <definedName name="_xlnm.Criteria">#REF!</definedName>
    <definedName name="Criteria_MI">#REF!</definedName>
    <definedName name="CV3C2">[26]ｹｰﾌﾞﾙ計!#REF!</definedName>
    <definedName name="cv3c2_">[27]ｹｰﾌﾞﾙ労務!#REF!</definedName>
    <definedName name="CVVS2C2">[26]ｹｰﾌﾞﾙ計!#REF!</definedName>
    <definedName name="ｃｚ">#REF!</definedName>
    <definedName name="Ｃの１">#REF!</definedName>
    <definedName name="Ｃの１０">#REF!</definedName>
    <definedName name="Ｃの１１">#REF!</definedName>
    <definedName name="Ｃの１２">#REF!</definedName>
    <definedName name="Ｃの１３">#REF!</definedName>
    <definedName name="Ｃの１４">#REF!</definedName>
    <definedName name="Ｃの１５">#REF!</definedName>
    <definedName name="Ｃの１６">#REF!</definedName>
    <definedName name="Ｃの１７">#REF!</definedName>
    <definedName name="Ｃの１８">#REF!</definedName>
    <definedName name="Ｃの１９">#REF!</definedName>
    <definedName name="Ｃの２">#REF!</definedName>
    <definedName name="Ｃの２０">#REF!</definedName>
    <definedName name="Ｃの２１">#REF!</definedName>
    <definedName name="Ｃの２２">#REF!</definedName>
    <definedName name="Ｃの２３">#REF!</definedName>
    <definedName name="Ｃの２４">#REF!</definedName>
    <definedName name="Ｃの２５">#REF!</definedName>
    <definedName name="Ｃの２６">#REF!</definedName>
    <definedName name="Ｃの２７">#REF!</definedName>
    <definedName name="Ｃの２８">#REF!</definedName>
    <definedName name="Ｃの２９">#REF!</definedName>
    <definedName name="Ｃの３">#REF!</definedName>
    <definedName name="Ｃの３０">#REF!</definedName>
    <definedName name="Ｃの３１">#REF!</definedName>
    <definedName name="Ｃの３２">#REF!</definedName>
    <definedName name="Ｃの３３">#REF!</definedName>
    <definedName name="Ｃの３４">#REF!</definedName>
    <definedName name="Ｃの３５">#REF!</definedName>
    <definedName name="Ｃの３６">#REF!</definedName>
    <definedName name="Ｃの４">#REF!</definedName>
    <definedName name="Ｃの５">#REF!</definedName>
    <definedName name="Ｃの６">#REF!</definedName>
    <definedName name="Ｃの７">#REF!</definedName>
    <definedName name="Ｃの８">#REF!</definedName>
    <definedName name="Ｃの９">#REF!</definedName>
    <definedName name="Ｃ既存校舎">[28]内訳書!#REF!</definedName>
    <definedName name="C種">#REF!</definedName>
    <definedName name="Ｃ代価">#REF!</definedName>
    <definedName name="Ｃ代価表一覧表">#REF!</definedName>
    <definedName name="D">#REF!</definedName>
    <definedName name="DAIKA">#REF!</definedName>
    <definedName name="data">[29]一位代価!$A:$IV</definedName>
    <definedName name="data1">#REF!</definedName>
    <definedName name="data12">#REF!</definedName>
    <definedName name="data2">#REF!</definedName>
    <definedName name="data3">#REF!</definedName>
    <definedName name="data4">#REF!</definedName>
    <definedName name="_xlnm.Database">#REF!</definedName>
    <definedName name="Database_MI">#REF!</definedName>
    <definedName name="ｄｃ">[23]条件!$E$23</definedName>
    <definedName name="DD">#REF!</definedName>
    <definedName name="ddd">[11]!ピクチャ5_Click</definedName>
    <definedName name="dddd">[30]!Dialog3_ボタン2_Click</definedName>
    <definedName name="dddd3">[30]!Dialog3_ボタン2_Click</definedName>
    <definedName name="ｄｄｄｄｄ">[31]!ピクチャ5_Click</definedName>
    <definedName name="ddddd5">[30]!ピクチャ5_Click</definedName>
    <definedName name="DDDDDD">[32]!Dialog3_ボタン2_Click</definedName>
    <definedName name="ｄｆ">[23]条件!$C$24</definedName>
    <definedName name="Dialog3_ボタン2_Click">[33]!Dialog3_ボタン2_Click</definedName>
    <definedName name="DK">21000</definedName>
    <definedName name="DKT">19100</definedName>
    <definedName name="ＤＳ">#REF!</definedName>
    <definedName name="Dグランド照明">[28]内訳書!#REF!</definedName>
    <definedName name="e">[0]!e</definedName>
    <definedName name="EC">#REF!</definedName>
    <definedName name="ED">#REF!</definedName>
    <definedName name="ee" hidden="1">{"設定1",#N/A,FALSE,"第5号-1";"設定2",#N/A,FALSE,"第5号-1"}</definedName>
    <definedName name="EF">#REF!</definedName>
    <definedName name="EG">#REF!</definedName>
    <definedName name="Eizen">[21]!Eizen</definedName>
    <definedName name="EIZEN5" hidden="1">{"設定1",#N/A,FALSE,"第5号-1";"設定2",#N/A,FALSE,"第5号-1"}</definedName>
    <definedName name="EizenHyouji">[21]!EizenHyouji</definedName>
    <definedName name="EK">#REF!</definedName>
    <definedName name="end">#REF!</definedName>
    <definedName name="ES">#REF!</definedName>
    <definedName name="EV">#REF!</definedName>
    <definedName name="_xlnm.Extract">#REF!</definedName>
    <definedName name="Extract_MI">#REF!</definedName>
    <definedName name="F">#REF!</definedName>
    <definedName name="ｆｆ">[23]条件!$C$16</definedName>
    <definedName name="ｆｇ">[23]条件!$C$23</definedName>
    <definedName name="ｆｈ">[23]条件!$C$9</definedName>
    <definedName name="fhkjhyg">#REF!</definedName>
    <definedName name="FL">[3]歩・屋!$D$4:$D$43</definedName>
    <definedName name="FNA">#REF!</definedName>
    <definedName name="FOR総括表">#REF!</definedName>
    <definedName name="FROMV1">#REF!</definedName>
    <definedName name="FS">17200</definedName>
    <definedName name="G">#REF!</definedName>
    <definedName name="GenbaKanri">[21]!GenbaKanri</definedName>
    <definedName name="GenbaKanriHyouji">[21]!GenbaKanriHyouji</definedName>
    <definedName name="gggg">#REF!</definedName>
    <definedName name="gggggg">#REF!</definedName>
    <definedName name="ＧＴ">[3]歩・屋!$W$12</definedName>
    <definedName name="H">#REF!</definedName>
    <definedName name="hanni">#REF!</definedName>
    <definedName name="hdata12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hidden="1">{"設定1",#N/A,FALSE,"第5号-1";"設定2",#N/A,FALSE,"第5号-1"}</definedName>
    <definedName name="iii_1" hidden="1">{"設定1",#N/A,FALSE,"第5号-1";"設定2",#N/A,FALSE,"第5号-1"}</definedName>
    <definedName name="IN_KNN">#REF!</definedName>
    <definedName name="INPUT">#REF!</definedName>
    <definedName name="INPUT1">#REF!</definedName>
    <definedName name="INPUT2">#REF!</definedName>
    <definedName name="int">#REF!</definedName>
    <definedName name="IppanKanri">[21]!IppanKanri</definedName>
    <definedName name="IppanKanriHyouji">[21]!IppanKanriHyouji</definedName>
    <definedName name="J">#REF!</definedName>
    <definedName name="ｊｊ">[23]条件!$C$21</definedName>
    <definedName name="Junbi">[21]!Junbi</definedName>
    <definedName name="JunbiHyouji">[21]!JunbiHyouji</definedName>
    <definedName name="K">[0]!K</definedName>
    <definedName name="keihi2" hidden="1">#REF!</definedName>
    <definedName name="KH">22720</definedName>
    <definedName name="KHK">0</definedName>
    <definedName name="kk">[0]!kk</definedName>
    <definedName name="kkk">[34]入力一般管理!#REF!</definedName>
    <definedName name="kkkkk" hidden="1">{"設定1",#N/A,FALSE,"第5号-1";"設定2",#N/A,FALSE,"第5号-1"}</definedName>
    <definedName name="kkkkk_1" hidden="1">{"設定1",#N/A,FALSE,"第5号-1";"設定2",#N/A,FALSE,"第5号-1"}</definedName>
    <definedName name="KR">#REF!</definedName>
    <definedName name="KS">0.18</definedName>
    <definedName name="kt">0</definedName>
    <definedName name="kw計">#REF!</definedName>
    <definedName name="L">[0]!L</definedName>
    <definedName name="L3554Ｌ３０００">#REF!</definedName>
    <definedName name="LL">#REF!</definedName>
    <definedName name="LOOPN">[25]表紙!#REF!</definedName>
    <definedName name="LOOPS">[25]表紙!#REF!</definedName>
    <definedName name="LOOP入">[25]表紙!#REF!</definedName>
    <definedName name="LOOP抜">[25]表紙!#REF!</definedName>
    <definedName name="M">[0]!M</definedName>
    <definedName name="MENU">#REF!</definedName>
    <definedName name="MENUA">[25]表紙!#REF!</definedName>
    <definedName name="MENUB">[25]表紙!#REF!</definedName>
    <definedName name="MENUE">[25]表紙!#REF!</definedName>
    <definedName name="MENUP">[25]表紙!#REF!</definedName>
    <definedName name="MENUP2">[25]表紙!#REF!</definedName>
    <definedName name="MI">#REF!</definedName>
    <definedName name="ｍｊ">'[24]３ページ'!#REF!</definedName>
    <definedName name="mm">[35]表紙!#REF!</definedName>
    <definedName name="Module1.印刷">[0]!Module1.印刷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36]代価表 '!$Z$2</definedName>
    <definedName name="O">[37]!ピクチャ5_Click</definedName>
    <definedName name="P">#REF!</definedName>
    <definedName name="Ｐ_11">#REF!</definedName>
    <definedName name="Ｐ_12">#REF!</definedName>
    <definedName name="Ｐ_13">#REF!</definedName>
    <definedName name="Ｐ_14">#REF!</definedName>
    <definedName name="Ｐ_15">#REF!</definedName>
    <definedName name="PAC費">#REF!</definedName>
    <definedName name="PBOX200">[26]ｹｰﾌﾞﾙ計!#REF!</definedName>
    <definedName name="PE管28">[26]ｹｰﾌﾞﾙ計!#REF!</definedName>
    <definedName name="PE管42">[26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工事費内訳書!$A$1:$L$49</definedName>
    <definedName name="_xlnm.Print_Area">#REF!</definedName>
    <definedName name="PRINT_AREA_MI">[38]内訳書１!#REF!</definedName>
    <definedName name="Print_Area１">#REF!</definedName>
    <definedName name="Print_Area２">[39]消火栓材料表!#REF!</definedName>
    <definedName name="Print_Area3">#REF!</definedName>
    <definedName name="Print_Area4">#REF!</definedName>
    <definedName name="Print_Area5">#REF!</definedName>
    <definedName name="_xlnm.Print_Titles">#REF!</definedName>
    <definedName name="PRINT_TITLES_MI">#REF!</definedName>
    <definedName name="prn">#REF!</definedName>
    <definedName name="PT_11">#REF!</definedName>
    <definedName name="PT_12">#REF!</definedName>
    <definedName name="PT_13">#REF!</definedName>
    <definedName name="PT_14">#REF!</definedName>
    <definedName name="PT_15">#REF!</definedName>
    <definedName name="PT_16">#REF!</definedName>
    <definedName name="Q">#REF!</definedName>
    <definedName name="QD">#REF!</definedName>
    <definedName name="QH">#REF!</definedName>
    <definedName name="ｑｑ">'[24]３ページ'!$L$17</definedName>
    <definedName name="ｑｑｑｑｑ" hidden="1">{"設定1",#N/A,FALSE,"第5号-1";"設定2",#N/A,FALSE,"第5号-1"}</definedName>
    <definedName name="ｑｔ">'[40]２ページ'!#REF!</definedName>
    <definedName name="ｑｗ" hidden="1">{"設定1",#N/A,FALSE,"第5号-1";"設定2",#N/A,FALSE,"第5号-1"}</definedName>
    <definedName name="qwe">[0]!qwe</definedName>
    <definedName name="qwu" hidden="1">{"設定1",#N/A,FALSE,"第5号-1";"設定2",#N/A,FALSE,"第5号-1"}</definedName>
    <definedName name="qwu_1" hidden="1">{"設定1",#N/A,FALSE,"第5号-1";"設定2",#N/A,FALSE,"第5号-1"}</definedName>
    <definedName name="ｑｙ">'[40]２ページ'!#REF!</definedName>
    <definedName name="R_ガラス工">#REF!</definedName>
    <definedName name="R_サッシ工">#REF!</definedName>
    <definedName name="R_タイル工">#REF!</definedName>
    <definedName name="R_ダクト工">#REF!</definedName>
    <definedName name="R_とび工">#REF!</definedName>
    <definedName name="R_はつり工">#REF!</definedName>
    <definedName name="R_ブロック工">#REF!</definedName>
    <definedName name="R_運転手_一般_">#REF!</definedName>
    <definedName name="R_運転手_特殊_">#REF!</definedName>
    <definedName name="R_屋根ふき工">#REF!</definedName>
    <definedName name="R_型枠工">#REF!</definedName>
    <definedName name="R_軽作業員">#REF!</definedName>
    <definedName name="R_建具工">#REF!</definedName>
    <definedName name="R_建築ブロック">#REF!</definedName>
    <definedName name="R_工場派遣作業">#REF!</definedName>
    <definedName name="R_左官">#REF!</definedName>
    <definedName name="R_石工">#REF!</definedName>
    <definedName name="R_設備機械工">#REF!</definedName>
    <definedName name="R_造園工">#REF!</definedName>
    <definedName name="R_大工">#REF!</definedName>
    <definedName name="R_鉄筋工">#REF!</definedName>
    <definedName name="R_鉄骨工">#REF!</definedName>
    <definedName name="R_電工">#REF!</definedName>
    <definedName name="R_塗装工">#REF!</definedName>
    <definedName name="R_土木一般世話">#REF!</definedName>
    <definedName name="R_特殊作業員">#REF!</definedName>
    <definedName name="R_内装工">#REF!</definedName>
    <definedName name="R_配管工">#REF!</definedName>
    <definedName name="R_板金工">#REF!</definedName>
    <definedName name="R_普通作業員">#REF!</definedName>
    <definedName name="R_保温工">#REF!</definedName>
    <definedName name="R_法面工">#REF!</definedName>
    <definedName name="R_防水工">#REF!</definedName>
    <definedName name="R_溶接工">#REF!</definedName>
    <definedName name="RE">#REF!</definedName>
    <definedName name="Record1">[0]!Record1</definedName>
    <definedName name="Record12">[0]!Record12</definedName>
    <definedName name="Record2">[0]!Record2</definedName>
    <definedName name="RENP">#REF!</definedName>
    <definedName name="RF">#REF!</definedName>
    <definedName name="ro">'[3]拾・幹線(屋)'!$O$10</definedName>
    <definedName name="rr">[41]!Dialog3_ボタン2_Click</definedName>
    <definedName name="RS">#REF!</definedName>
    <definedName name="RUM">#REF!</definedName>
    <definedName name="RV">#REF!</definedName>
    <definedName name="s">#REF!</definedName>
    <definedName name="sa">'[40]３ページ'!#REF!</definedName>
    <definedName name="SAB">#REF!</definedName>
    <definedName name="SCV">#REF!</definedName>
    <definedName name="sk">'[24]３ページ'!#REF!</definedName>
    <definedName name="SKｿｹｯﾄφ20">#REF!</definedName>
    <definedName name="SKｿｹｯﾄφ40">#REF!</definedName>
    <definedName name="smif">[42]機器等据付工!#REF!</definedName>
    <definedName name="SONI">#REF!</definedName>
    <definedName name="SONO">#REF!</definedName>
    <definedName name="SPK">17940</definedName>
    <definedName name="SQRT">#REF!</definedName>
    <definedName name="ｓｒ">[14]土工!#REF!</definedName>
    <definedName name="SUB">#REF!</definedName>
    <definedName name="SUS屋外">#REF!</definedName>
    <definedName name="SUS屋内">#REF!</definedName>
    <definedName name="SUS据付">#REF!</definedName>
    <definedName name="SUS埋設">#REF!</definedName>
    <definedName name="ｔ">[0]!ｔ</definedName>
    <definedName name="TANKA">'[43]H15年度4月-企業庁・県建設部単価表'!$A$5:$H$490</definedName>
    <definedName name="TF">#REF!</definedName>
    <definedName name="to">'[3]拾・幹線(屋)'!$O$14</definedName>
    <definedName name="TORA">'[3]#REF'!$C$5:$S$38</definedName>
    <definedName name="TPAJI">#REF!</definedName>
    <definedName name="TS">20800</definedName>
    <definedName name="T区">#REF!</definedName>
    <definedName name="U">[0]!U</definedName>
    <definedName name="UG">#REF!</definedName>
    <definedName name="UHY">#REF!</definedName>
    <definedName name="Unnpan">[21]!Unnpan</definedName>
    <definedName name="V">#REF!</definedName>
    <definedName name="ｖｆ">'[24]３ページ'!#REF!</definedName>
    <definedName name="VNJ">#REF!</definedName>
    <definedName name="VP.VU据付">#REF!</definedName>
    <definedName name="VP屋外">#REF!</definedName>
    <definedName name="VP屋内">#REF!</definedName>
    <definedName name="VP埋設">#REF!</definedName>
    <definedName name="VU屋外">#REF!</definedName>
    <definedName name="VU屋内">#REF!</definedName>
    <definedName name="VU埋設">#REF!</definedName>
    <definedName name="ｖｖ">[44]条件!$C$6</definedName>
    <definedName name="W">#REF!</definedName>
    <definedName name="WA">#REF!</definedName>
    <definedName name="WIR_D_34">#REF!</definedName>
    <definedName name="wrn.１７." hidden="1">{#N/A,#N/A,FALSE,"Sheet16";#N/A,#N/A,FALSE,"Sheet16"}</definedName>
    <definedName name="wrn.Ｂ５用紙." hidden="1">{#N/A,#N/A,FALSE,"積算根拠";#N/A,#N/A,FALSE,"数量計算書";#N/A,#N/A,FALSE,"集計表";#N/A,#N/A,FALSE,"Sheet3"}</definedName>
    <definedName name="wrn.REP1." hidden="1">{"設定1",#N/A,FALSE,"第5号-1";"設定2",#N/A,FALSE,"第5号-1"}</definedName>
    <definedName name="wrn.REP1._1" hidden="1">{"設定1",#N/A,FALSE,"第5号-1";"設定2",#N/A,FALSE,"第5号-1"}</definedName>
    <definedName name="wrn.REP2" hidden="1">{"設定1",#N/A,FALSE,"第5号-1";"設定2",#N/A,FALSE,"第5号-1"}</definedName>
    <definedName name="wrn.REP2_1" hidden="1">{"設定1",#N/A,FALSE,"第5号-1";"設定2",#N/A,FALSE,"第5号-1"}</definedName>
    <definedName name="wrn.レポート." hidden="1">{#N/A,#N/A,FALSE,"内訳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>[45]Code!#REF!</definedName>
    <definedName name="ｗｗ">'[40]３ページ'!#REF!</definedName>
    <definedName name="X">#REF!</definedName>
    <definedName name="XC">#REF!</definedName>
    <definedName name="XMIN">#REF!</definedName>
    <definedName name="ｘｘ">[23]条件!$C$11</definedName>
    <definedName name="Y">[0]!Y</definedName>
    <definedName name="Yusou">[21]!Yusou</definedName>
    <definedName name="YusouHyouji">[21]!YusouHyouji</definedName>
    <definedName name="ｙｙ">[25]表紙!#REF!</definedName>
    <definedName name="ｙｙｙ">#REF!</definedName>
    <definedName name="Z">#REF!</definedName>
    <definedName name="Z_1C0039C0_A71E_11D2_9602_444553540000_.wvu.PrintArea" hidden="1">#REF!</definedName>
    <definedName name="Z_55DEDCC8_98E4_11D2_9853_B01244AC5D97_.wvu.PrintArea" hidden="1">#REF!</definedName>
    <definedName name="ZAI">#REF!</definedName>
    <definedName name="ZAT1">#REF!</definedName>
    <definedName name="zat2">#REF!</definedName>
    <definedName name="ZAT3">#REF!</definedName>
    <definedName name="ZX">[46]!ピクチャ5_Click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φ50本設配管">[47]!φ50本設配管</definedName>
    <definedName name="ア">[48]表紙!#REF!</definedName>
    <definedName name="あ">[0]!あ</definedName>
    <definedName name="あ1">#REF!</definedName>
    <definedName name="ああ">#REF!</definedName>
    <definedName name="あああ">[0]!あああ</definedName>
    <definedName name="ああああ">#REF!</definedName>
    <definedName name="あああああ" hidden="1">#REF!</definedName>
    <definedName name="ああああああ">[48]表紙!#REF!</definedName>
    <definedName name="あい">[0]!あい</definedName>
    <definedName name="ｱｽﾌｧﾙﾄ乳剤PK3">#REF!</definedName>
    <definedName name="ｱｾﾁﾚﾝ">#REF!</definedName>
    <definedName name="い">[0]!い</definedName>
    <definedName name="いい">'[24]３ページ'!$L$9</definedName>
    <definedName name="いいいい">[49]!Anzen</definedName>
    <definedName name="いらない列1">#REF!</definedName>
    <definedName name="いらない列2">#REF!</definedName>
    <definedName name="う">[0]!う</definedName>
    <definedName name="うう">'[24]２ページ'!$I$36</definedName>
    <definedName name="ううう">#REF!</definedName>
    <definedName name="うううう">#REF!</definedName>
    <definedName name="うぇ">[0]!うぇ</definedName>
    <definedName name="え">[50]!Dialog3_ボタン2_Click</definedName>
    <definedName name="ええ">'[24]３ページ'!$G$16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>[0]!お</definedName>
    <definedName name="おお">'[24]１ページ'!$J$58</definedName>
    <definedName name="ガス">#REF!</definedName>
    <definedName name="ｶﾞｽPS">#REF!</definedName>
    <definedName name="ガス給湯器">[3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51]府県別労務!$C$50</definedName>
    <definedName name="き">[0]!き</definedName>
    <definedName name="く">'[40]３ページ'!#REF!</definedName>
    <definedName name="くうちょう">#REF!</definedName>
    <definedName name="くぇ">[0]!くぇ</definedName>
    <definedName name="グランド照明">[28]内訳書!#REF!</definedName>
    <definedName name="ｸﾚｰﾝ付ﾄﾗｯｸ運転2.9t">#REF!</definedName>
    <definedName name="ｸﾛｽ集計範囲">#REF!</definedName>
    <definedName name="ケーブル電線類">#REF!</definedName>
    <definedName name="ｺｰﾄﾞ">'[43]H15年度4月-企業庁・県建設部単価表'!$A$5:$A$490</definedName>
    <definedName name="ｺﾝｸﾘｰﾄ混和剤">#REF!</definedName>
    <definedName name="ｺﾝﾏ小数点">#REF!</definedName>
    <definedName name="さ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さく岩工">#REF!</definedName>
    <definedName name="ささＳ">#REF!</definedName>
    <definedName name="さし">[0]!さし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3]#REF'!$U$1:$AK$2</definedName>
    <definedName name="ｽﾞｰﾑ">[6]仮設躯体!$A$2:$I$21</definedName>
    <definedName name="スコアボード比較">#REF!</definedName>
    <definedName name="スタイル">#REF!</definedName>
    <definedName name="スタンション">[52]!Dialog3_ボタン2_Click</definedName>
    <definedName name="すてん溶接工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 hidden="1">{"設定1",#N/A,FALSE,"第5号-1";"設定2",#N/A,FALSE,"第5号-1"}</definedName>
    <definedName name="その他器具">#REF!</definedName>
    <definedName name="た">[0]!た</definedName>
    <definedName name="だいＫ">[53]表紙!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>#REF!</definedName>
    <definedName name="たか">#REF!</definedName>
    <definedName name="ダク">[54]明細!#REF!</definedName>
    <definedName name="ダクタイル鋳鉄管">#REF!</definedName>
    <definedName name="ダクト">[54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っｄ">'[24]１ページ'!$F$8</definedName>
    <definedName name="っｆ">'[24]容計（ﾕﾆｯﾄ）'!$F$33</definedName>
    <definedName name="っｇ">'[24]３ページ'!#REF!</definedName>
    <definedName name="っｈ">'[24]１ページ'!$F$11</definedName>
    <definedName name="っｊ">'[24]３ページ'!#REF!</definedName>
    <definedName name="っｋ">'[24]１ページ'!$F$9</definedName>
    <definedName name="っｌ">'[24]３ページ'!$S$68</definedName>
    <definedName name="っｐ">'[24]３ページ'!$S$56</definedName>
    <definedName name="っｒ">'[24]３ページ'!$G$16</definedName>
    <definedName name="っｓ">'[24]１ページ'!$F$10</definedName>
    <definedName name="っｔ">'[24]３ページ'!$S$54</definedName>
    <definedName name="っｗ">'[24]３ページ'!$G$16</definedName>
    <definedName name="っｙ">'[24]２ページ'!$I$36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てなにん">[55]!Dialog3_ボタン2_Click</definedName>
    <definedName name="テレビ">[0]!テレビ</definedName>
    <definedName name="とび工">#REF!</definedName>
    <definedName name="ﾄﾗｯｸ">'[3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パターン1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バルブ">#REF!</definedName>
    <definedName name="ﾊﾝﾄﾞﾎｰﾙ１">[3]愛駿寮公共下水道接続工事!#REF!</definedName>
    <definedName name="ﾊﾝﾄﾞﾎｰﾙ２">#REF!</definedName>
    <definedName name="ﾊﾝﾄﾞﾎｰﾙ築造ｱｽﾌｧﾙﾄ有り直堀">[56]!Dialog3_ボタン2_Click</definedName>
    <definedName name="ピクチャ5_Click">[33]!ピクチャ5_Click</definedName>
    <definedName name="ﾋﾟｯﾄ築造">[56]!Dialog3_ボタン2_Click</definedName>
    <definedName name="ふ">#REF!</definedName>
    <definedName name="プリカ50">[26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>#REF!</definedName>
    <definedName name="ページ１">#REF!</definedName>
    <definedName name="ページ２">#REF!</definedName>
    <definedName name="ページ３">#REF!</definedName>
    <definedName name="ページ４">#REF!</definedName>
    <definedName name="ページ５">#REF!</definedName>
    <definedName name="ページ６">#REF!</definedName>
    <definedName name="ポンプ">[3]歩・屋!$W$5</definedName>
    <definedName name="ポンプB">[3]歩・屋!$W$5</definedName>
    <definedName name="ﾒｰｶｰﾘｽﾄ">[57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ジュール数">[58]条件!$C$11</definedName>
    <definedName name="モジュール単価">#REF!</definedName>
    <definedName name="モタ">#REF!</definedName>
    <definedName name="モルタ">#REF!</definedName>
    <definedName name="モルタル">#REF!</definedName>
    <definedName name="モルタル１２">#REF!</definedName>
    <definedName name="ユニット数">#REF!</definedName>
    <definedName name="ら">[0]!ら</definedName>
    <definedName name="れ2" hidden="1">{"設定1",#N/A,FALSE,"第5号-1";"設定2",#N/A,FALSE,"第5号-1"}</definedName>
    <definedName name="れｐ" hidden="1">{"設定1",#N/A,FALSE,"第5号-1";"設定2",#N/A,FALSE,"第5号-1"}</definedName>
    <definedName name="ﾛﾗｰ運転0.8_1.1t">#REF!</definedName>
    <definedName name="ﾛﾗｰ運転3.0_4.0t">#REF!</definedName>
    <definedName name="ん">[23]条件!$E$21</definedName>
    <definedName name="んｈ">'[24]１ページ'!$J$41</definedName>
    <definedName name="んｍ">[0]!んｍ</definedName>
    <definedName name="安全">#REF!</definedName>
    <definedName name="按分">#REF!</definedName>
    <definedName name="異形管率">#REF!</definedName>
    <definedName name="移動">#REF!</definedName>
    <definedName name="維持管理委託費">#REF!</definedName>
    <definedName name="井戸水">#REF!</definedName>
    <definedName name="井水">[59]条件!$C$6</definedName>
    <definedName name="一">#REF!</definedName>
    <definedName name="一位代価">#REF!</definedName>
    <definedName name="一般運転手">#REF!</definedName>
    <definedName name="一般労務費">#REF!</definedName>
    <definedName name="印刷">[60]!印刷</definedName>
    <definedName name="印刷05">#REF!</definedName>
    <definedName name="印刷1">#REF!</definedName>
    <definedName name="印刷10">#REF!</definedName>
    <definedName name="印刷2">#REF!</definedName>
    <definedName name="印刷20">#REF!</definedName>
    <definedName name="印刷3">#REF!</definedName>
    <definedName name="印刷30">#REF!</definedName>
    <definedName name="印刷4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後">[0]!印刷後</definedName>
    <definedName name="印刷範囲">#REF!</definedName>
    <definedName name="印刷表">[61]表紙!#REF!</definedName>
    <definedName name="雨汚合">'[20]入力データ(H27用シート連動）'!$S$2:$S$25</definedName>
    <definedName name="雨水濾過">[3]歩・屋!$W$8</definedName>
    <definedName name="運送費表示">#REF!</definedName>
    <definedName name="運転時間">#REF!</definedName>
    <definedName name="運転手_一般">#REF!</definedName>
    <definedName name="運転手_特殊">#REF!</definedName>
    <definedName name="運転日数">#REF!</definedName>
    <definedName name="運搬">#REF!</definedName>
    <definedName name="営繕">#REF!</definedName>
    <definedName name="衛生器具">#REF!</definedName>
    <definedName name="汚水桝">[62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6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 hidden="1">#REF!</definedName>
    <definedName name="仮1" hidden="1">#REF!</definedName>
    <definedName name="仮２" hidden="1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仮設費" hidden="1">{#N/A,#N/A,FALSE,"内訳"}</definedName>
    <definedName name="仮置き" hidden="1">#REF!</definedName>
    <definedName name="河川水">#REF!</definedName>
    <definedName name="稼働時間">#REF!</definedName>
    <definedName name="課係名">'[20]入力データ(H27用シート連動）'!$L$2:$L$18</definedName>
    <definedName name="解析単位重量">#REF!</definedName>
    <definedName name="回収率">[58]条件!$C$14</definedName>
    <definedName name="改行1">[63]配水管原!#REF!</definedName>
    <definedName name="改行2">[63]配水管原!#REF!</definedName>
    <definedName name="開口">[56]!Dialog3_ボタン2_Click</definedName>
    <definedName name="開始頁">[61]表紙!#REF!</definedName>
    <definedName name="外構">[6]外構!$A$1</definedName>
    <definedName name="外部給排">#REF!</definedName>
    <definedName name="外部建具">[6]外部!$A$193</definedName>
    <definedName name="概要">[63]配水管原!#REF!</definedName>
    <definedName name="各種事業計画名">'[20]入力データ(H27用シート連動）'!$AI$1:$AI$28</definedName>
    <definedName name="確認0">#REF!</definedName>
    <definedName name="換気">#REF!</definedName>
    <definedName name="環境">#REF!</definedName>
    <definedName name="環境対策区分">#REF!</definedName>
    <definedName name="環境対策区分1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>#REF!</definedName>
    <definedName name="器">#REF!</definedName>
    <definedName name="基礎工">#REF!</definedName>
    <definedName name="既存校舎">[28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工">#REF!</definedName>
    <definedName name="機械設備据付工">#REF!</definedName>
    <definedName name="機械内訳書" hidden="1">{"設定1",#N/A,FALSE,"第5号-1";"設定2",#N/A,FALSE,"第5号-1"}</definedName>
    <definedName name="機器名称">[64]機器等据付工!$B$8:$B$41,[64]機器等据付工!$B$65,[64]機器等据付工!$B$65:$B$98</definedName>
    <definedName name="機器名称２">[42]機器等据付工!#REF!</definedName>
    <definedName name="記号">[65]表紙!#REF!</definedName>
    <definedName name="記号3">[66]搬入据付様式!#REF!</definedName>
    <definedName name="記号4">[66]搬入据付様式!#REF!</definedName>
    <definedName name="記号5">[66]搬入据付様式!#REF!</definedName>
    <definedName name="記号6">[66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師Ａ">#REF!</definedName>
    <definedName name="技師Ｂ">#REF!</definedName>
    <definedName name="技術">#REF!</definedName>
    <definedName name="技術員">#REF!</definedName>
    <definedName name="技術者Ａ">#REF!</definedName>
    <definedName name="技術者Ｂ">#REF!</definedName>
    <definedName name="客土データ">#REF!</definedName>
    <definedName name="逆洗回数">[58]条件!$E$21</definedName>
    <definedName name="逆洗時間">[58]条件!$C$22</definedName>
    <definedName name="逆洗次亜費">#REF!</definedName>
    <definedName name="逆洗水率">[58]条件!$C$16</definedName>
    <definedName name="逆洗水量">[58]条件!$C$18</definedName>
    <definedName name="逆洗頻度">[58]条件!$C$21</definedName>
    <definedName name="逆洗分割数">#REF!</definedName>
    <definedName name="吸出防止材">[67]明細書!#REF!</definedName>
    <definedName name="給水PS">#REF!</definedName>
    <definedName name="給水労務2" hidden="1">{"設定1",#N/A,FALSE,"第5号-1";"設定2",#N/A,FALSE,"第5号-1"}</definedName>
    <definedName name="給湯">#REF!</definedName>
    <definedName name="給排">#REF!</definedName>
    <definedName name="給排2">#REF!</definedName>
    <definedName name="給排水表紙">#REF!</definedName>
    <definedName name="共">#REF!</definedName>
    <definedName name="共仮">#REF!</definedName>
    <definedName name="共通">[6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25]表紙!#REF!</definedName>
    <definedName name="金抜き設計書">#REF!</definedName>
    <definedName name="金抜設定">[61]表紙!#REF!</definedName>
    <definedName name="区分">'[20]入力データ(H27用シート連動）'!$A$2:$A$13</definedName>
    <definedName name="区分2">'[20]入力データ(H27用シート連動）'!$E$2:$E$8</definedName>
    <definedName name="躯体">[6]仮設躯体!$A$182</definedName>
    <definedName name="掘削">[48]表紙!#REF!</definedName>
    <definedName name="掘削梁">[48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系列数">[58]条件!$C$8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計画書">'[20]入力データ(H27用シート連動）'!$K$3:$K$11</definedName>
    <definedName name="計画浄水量">#REF!</definedName>
    <definedName name="計画膜ろ過水量">[58]条件!$C$17</definedName>
    <definedName name="計画膜ろ過流束">[58]条件!$C$5</definedName>
    <definedName name="計算書">#REF!</definedName>
    <definedName name="計装" hidden="1">{"設定1",#N/A,FALSE,"第5号-1";"設定2",#N/A,FALSE,"第5号-1"}</definedName>
    <definedName name="軽作業員">#REF!</definedName>
    <definedName name="軽油">#REF!</definedName>
    <definedName name="軽油陸上用">#REF!</definedName>
    <definedName name="桁">#REF!</definedName>
    <definedName name="月_1日">#REF!</definedName>
    <definedName name="件">[0]!件</definedName>
    <definedName name="建１">'[68]入力データ(H27用シート連動）'!$S$2:$S$25</definedName>
    <definedName name="建具工">#REF!</definedName>
    <definedName name="建築">[6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建築電気設備" hidden="1">{#N/A,#N/A,FALSE,"内訳"}</definedName>
    <definedName name="県名">#REF!</definedName>
    <definedName name="見積空調">'[69]代価表 '!#REF!</definedName>
    <definedName name="見積比較換気">'[70]代価表 '!$Z$2</definedName>
    <definedName name="見積比較表">'[71]代価表 '!$Z$2</definedName>
    <definedName name="見比衛生2">'[72]代価表 '!#REF!</definedName>
    <definedName name="原価">#REF!</definedName>
    <definedName name="原水量">#REF!</definedName>
    <definedName name="現">#REF!</definedName>
    <definedName name="現管">#REF!</definedName>
    <definedName name="現場管理費">#REF!</definedName>
    <definedName name="呼出">#N/A</definedName>
    <definedName name="後番号">'[20]入力データ(H27用シート連動）'!$H$2:$H$52</definedName>
    <definedName name="交通整理員">#REF!</definedName>
    <definedName name="工事カ所名">[73]設計書入力!$DT$23:$DU$700</definedName>
    <definedName name="工事件名">[74]工事総括!$C$3</definedName>
    <definedName name="工事名称">[75]表紙!$E$9</definedName>
    <definedName name="工事明細">#REF!</definedName>
    <definedName name="工種区分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管類">[75]内訳書!#REF!</definedName>
    <definedName name="鋼製加工品">#REF!</definedName>
    <definedName name="鋼製架台">#REF!</definedName>
    <definedName name="高さ1">#REF!</definedName>
    <definedName name="高級船員">#REF!</definedName>
    <definedName name="根拠設定">[61]表紙!#REF!</definedName>
    <definedName name="根拠範囲">[3]歩・屋!$B$3:$AD$372</definedName>
    <definedName name="左官">#REF!</definedName>
    <definedName name="査定率">#REF!</definedName>
    <definedName name="査定率表">[57]見積･重量!#REF!</definedName>
    <definedName name="最大給水量">#REF!</definedName>
    <definedName name="砕石">[76]一位代価表!$F$147</definedName>
    <definedName name="細粒度AS">#REF!</definedName>
    <definedName name="材質">#REF!</definedName>
    <definedName name="材種">[77]鉄骨DATA!$A$2:$A$10</definedName>
    <definedName name="材料形状">#REF!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使用量">#REF!</definedName>
    <definedName name="市町村名">'[20]入力データ(H27用シート連動）'!$D$2:$D$9</definedName>
    <definedName name="市予算区分">'[20]入力データ(H27用シート連動）'!$V$2:$V$15</definedName>
    <definedName name="施工区分">#REF!</definedName>
    <definedName name="施工地域">#REF!</definedName>
    <definedName name="施策">'[20]入力データ(H27用シート連動）'!$AN$2:$AN$22</definedName>
    <definedName name="試運転費">#REF!</definedName>
    <definedName name="寺井２" hidden="1">{"設定1",#N/A,FALSE,"第5号-1";"設定2",#N/A,FALSE,"第5号-1"}</definedName>
    <definedName name="次亜逆洗費">#REF!</definedName>
    <definedName name="次亜消毒費">#REF!</definedName>
    <definedName name="次亜単価">#REF!</definedName>
    <definedName name="自家発">[78]!Dialog3_ボタン2_Click</definedName>
    <definedName name="室内">[6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57]見積･重量!#REF!</definedName>
    <definedName name="修正">[25]表紙!#REF!</definedName>
    <definedName name="修正1">[25]表紙!#REF!</definedName>
    <definedName name="修正2">[25]表紙!#REF!</definedName>
    <definedName name="修正3">[25]表紙!#REF!</definedName>
    <definedName name="修正4">[25]表紙!#REF!</definedName>
    <definedName name="修正5">[61]表紙!#REF!</definedName>
    <definedName name="修正6">[61]表紙!#REF!</definedName>
    <definedName name="修正年月">[79]目次!$B$2</definedName>
    <definedName name="終了">#N/A</definedName>
    <definedName name="出力">#REF!</definedName>
    <definedName name="出力２">'[3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処理区">'[20]入力データ(H27用シート連動）'!$M$2:$M$51</definedName>
    <definedName name="処理水量">#REF!</definedName>
    <definedName name="小計">[73]設計書入力!$FD$21:$GH$23</definedName>
    <definedName name="小松経費" hidden="1">#REF!</definedName>
    <definedName name="小配管">#REF!</definedName>
    <definedName name="小配管弁類">#REF!</definedName>
    <definedName name="小便器">#REF!</definedName>
    <definedName name="松阪市">#REF!</definedName>
    <definedName name="消毒次亜費">#REF!</definedName>
    <definedName name="消毒費">#REF!</definedName>
    <definedName name="照明" hidden="1">{"設定1",#N/A,FALSE,"第5号-1";"設定2",#N/A,FALSE,"第5号-1"}</definedName>
    <definedName name="照明器具_K201">#REF!</definedName>
    <definedName name="省略単価">#REF!</definedName>
    <definedName name="場内整備">[80]土工集計!$B$2:$J$23</definedName>
    <definedName name="条件">#REF!</definedName>
    <definedName name="条件１">#REF!</definedName>
    <definedName name="条件２">#REF!</definedName>
    <definedName name="条件３">#REF!</definedName>
    <definedName name="条件４">#REF!</definedName>
    <definedName name="条件５">#REF!</definedName>
    <definedName name="条件６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心身指針" hidden="1">{"設定1",#N/A,FALSE,"第5号-1";"設定2",#N/A,FALSE,"第5号-1"}</definedName>
    <definedName name="新" hidden="1">{"設定1",#N/A,FALSE,"第5号-1";"設定2",#N/A,FALSE,"第5号-1"}</definedName>
    <definedName name="新規継続">'[20]入力データ(H27用シート連動）'!$AK$2:$AK$7</definedName>
    <definedName name="新新" hidden="1">{"設定1",#N/A,FALSE,"第5号-1";"設定2",#N/A,FALSE,"第5号-1"}</definedName>
    <definedName name="新設・撤去・再用区分">#REF!</definedName>
    <definedName name="人件費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槽_FRP">[3]歩・屋!$W$6</definedName>
    <definedName name="水槽_鉄">[3]歩・屋!$W$7</definedName>
    <definedName name="水中ポンプ">[76]一位代価表!$F$223</definedName>
    <definedName name="数値">#REF!</definedName>
    <definedName name="数値コピー">#REF!</definedName>
    <definedName name="数量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>#REF!</definedName>
    <definedName name="生コンFｰ160">#REF!</definedName>
    <definedName name="生コンFｰ210">#REF!</definedName>
    <definedName name="請負額算定">[81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接合材料率">#REF!</definedName>
    <definedName name="設計">[65]表紙!#REF!</definedName>
    <definedName name="設計技術員">#REF!</definedName>
    <definedName name="設計書2">[0]!設計書2</definedName>
    <definedName name="設計書表紙金入">#REF!</definedName>
    <definedName name="設計書表紙金抜">#REF!</definedName>
    <definedName name="設計書表紙金抜２">[82]設計書!$AN$63:$AX$86</definedName>
    <definedName name="設備機械工">#REF!</definedName>
    <definedName name="設備名称1">#REF!</definedName>
    <definedName name="節">'[20]入力データ(H27用シート連動）'!$W$1:$W$27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前払金割合">#REF!</definedName>
    <definedName name="全体設計年度">'[20]入力データ(H27用シート連動）'!$AC$1:$AC$65536</definedName>
    <definedName name="全体内訳書" hidden="1">{"設定1",#N/A,FALSE,"第5号-1";"設定2",#N/A,FALSE,"第5号-1"}</definedName>
    <definedName name="全頁印刷">[25]表紙!#REF!</definedName>
    <definedName name="粗粒AS">#REF!</definedName>
    <definedName name="組合せ試験費">#REF!</definedName>
    <definedName name="創">#REF!</definedName>
    <definedName name="操縦士">#REF!</definedName>
    <definedName name="総括">[6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">[0]!代価</definedName>
    <definedName name="代価1" hidden="1">{#N/A,#N/A,FALSE,"内訳"}</definedName>
    <definedName name="代価一覧PRINT">#REF!</definedName>
    <definedName name="代価一覧表PRINT">#REF!</definedName>
    <definedName name="代価根拠範囲">[3]歩・屋!$B$3:$AD$362</definedName>
    <definedName name="代価電気">[83]一位代価!$A:$IV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>#REF!</definedName>
    <definedName name="大便器">#REF!</definedName>
    <definedName name="第_Ａ_２">#REF!</definedName>
    <definedName name="第_Ａ_３">#REF!</definedName>
    <definedName name="第_Ｂ_１">#REF!</definedName>
    <definedName name="第_Ｂ_２">'[84]Ａ代価 '!#REF!</definedName>
    <definedName name="第_Ｂ_４">'[84]Ａ代価 '!#REF!</definedName>
    <definedName name="第１号管代価">#REF!</definedName>
    <definedName name="第１号明細書" hidden="1">{"設定1",#N/A,FALSE,"第5号-1";"設定2",#N/A,FALSE,"第5号-1"}</definedName>
    <definedName name="第一号">#REF!</definedName>
    <definedName name="第三号">#REF!</definedName>
    <definedName name="第二号">[17]経費計算!#REF!</definedName>
    <definedName name="単位">#REF!</definedName>
    <definedName name="単位量">#REF!</definedName>
    <definedName name="単価">#REF!</definedName>
    <definedName name="単価コード">[85]単価コード!$B$1:$H$65536</definedName>
    <definedName name="単価一覧">#REF!</definedName>
    <definedName name="単価一覧表">[86]単価一覧表!$A$2:$H$378</definedName>
    <definedName name="単価表">[87]単価コード表!$B$3:$L$1403</definedName>
    <definedName name="段数">[58]条件!$C$10</definedName>
    <definedName name="地質調査員">#REF!</definedName>
    <definedName name="地質調査技師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>#REF!</definedName>
    <definedName name="鋳鉄管">#REF!</definedName>
    <definedName name="鋳鉄管重量表">#REF!</definedName>
    <definedName name="鋳鉄管切断機500以下">#REF!</definedName>
    <definedName name="鋳鉄管弁類">#REF!</definedName>
    <definedName name="長さ1">#REF!</definedName>
    <definedName name="直仮">[6]内訳!$A$79</definedName>
    <definedName name="直管重量">#REF!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" hidden="1">{"設定1",#N/A,FALSE,"第5号-1";"設定2",#N/A,FALSE,"第5号-1"}</definedName>
    <definedName name="電気①">#REF!</definedName>
    <definedName name="電気②" hidden="1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気材料">[17]経費計算!#REF!</definedName>
    <definedName name="電気材料①">[17]経費計算!#REF!</definedName>
    <definedName name="電気材料③">[17]経費計算!#REF!</definedName>
    <definedName name="電気代価">[88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>[89]!ピクチャ5_Click</definedName>
    <definedName name="電工">#REF!</definedName>
    <definedName name="電工1">[26]ｹｰﾌﾞﾙ計!#REF!</definedName>
    <definedName name="電線管埋設">#REF!</definedName>
    <definedName name="電線管類">#REF!</definedName>
    <definedName name="電柱基礎">#REF!</definedName>
    <definedName name="電力量">#REF!</definedName>
    <definedName name="吐">[54]内訳!#REF!</definedName>
    <definedName name="吐１">[54]内訳!#REF!</definedName>
    <definedName name="吐出">[54]内訳!#REF!</definedName>
    <definedName name="吐出弁">[54]内訳!#REF!</definedName>
    <definedName name="塗装">#REF!</definedName>
    <definedName name="塗装・被覆工">#REF!</definedName>
    <definedName name="塗装工">#REF!</definedName>
    <definedName name="塗装費">#REF!</definedName>
    <definedName name="都道府県">'[20]入力データ(H27用シート連動）'!$C$2:$C$9</definedName>
    <definedName name="土工">[76]工事費内訳表!$H$11</definedName>
    <definedName name="土木">#REF!</definedName>
    <definedName name="土木一般世話役">#REF!</definedName>
    <definedName name="土木世話役">#REF!</definedName>
    <definedName name="土留工">#REF!</definedName>
    <definedName name="土量計算書">[48]表紙!#REF!</definedName>
    <definedName name="東海">#REF!</definedName>
    <definedName name="湯ノ谷印刷">[90]!湯ノ谷印刷</definedName>
    <definedName name="当り">#REF!</definedName>
    <definedName name="頭２" hidden="1">{#N/A,#N/A,FALSE,"Sheet16";#N/A,#N/A,FALSE,"Sheet16"}</definedName>
    <definedName name="頭出しA">[91]修正履歴!#REF!</definedName>
    <definedName name="動力費">#REF!</definedName>
    <definedName name="特殊運転手">#REF!</definedName>
    <definedName name="特殊作業員">#REF!</definedName>
    <definedName name="特別仮設工事" hidden="1">{#N/A,#N/A,FALSE,"Sheet16";#N/A,#N/A,FALSE,"Sheet16"}</definedName>
    <definedName name="内屋根">[6]内訳!$A$153</definedName>
    <definedName name="内外構">[6]内訳!$A$361</definedName>
    <definedName name="内躯体">[6]内訳!$A$56</definedName>
    <definedName name="内装工">#REF!</definedName>
    <definedName name="内部給排1">[92]外部改修工事!#REF!</definedName>
    <definedName name="内部給排2">[92]外部改修工事!#REF!</definedName>
    <definedName name="内部給排3">[92]外部改修工事!#REF!</definedName>
    <definedName name="内部建具">[6]内部!$A$1</definedName>
    <definedName name="内部雑">[6]内訳!$A$316</definedName>
    <definedName name="内訳" hidden="1">{"設定1",#N/A,FALSE,"第5号-1";"設定2",#N/A,FALSE,"第5号-1"}</definedName>
    <definedName name="内訳1" hidden="1">{"設定1",#N/A,FALSE,"第5号-1";"設定2",#N/A,FALSE,"第5号-1"}</definedName>
    <definedName name="内訳2">[93]内訳!#REF!</definedName>
    <definedName name="内訳20" hidden="1">{#N/A,#N/A,FALSE,"内訳"}</definedName>
    <definedName name="内訳21" hidden="1">{#N/A,#N/A,FALSE,"内訳"}</definedName>
    <definedName name="内訳２２" hidden="1">{#N/A,#N/A,FALSE,"内訳"}</definedName>
    <definedName name="内訳23" hidden="1">{#N/A,#N/A,FALSE,"内訳"}</definedName>
    <definedName name="内訳24" hidden="1">{#N/A,#N/A,FALSE,"内訳"}</definedName>
    <definedName name="内訳25" hidden="1">{#N/A,#N/A,FALSE,"内訳"}</definedName>
    <definedName name="内訳26" hidden="1">{#N/A,#N/A,FALSE,"内訳"}</definedName>
    <definedName name="内訳27" hidden="1">{#N/A,#N/A,FALSE,"内訳"}</definedName>
    <definedName name="内訳28" hidden="1">{#N/A,#N/A,FALSE,"内訳"}</definedName>
    <definedName name="内訳29" hidden="1">{#N/A,#N/A,FALSE,"内訳"}</definedName>
    <definedName name="内訳３" hidden="1">{#N/A,#N/A,FALSE,"内訳"}</definedName>
    <definedName name="内訳30" hidden="1">{#N/A,#N/A,FALSE,"内訳"}</definedName>
    <definedName name="内訳31" hidden="1">{#N/A,#N/A,FALSE,"内訳"}</definedName>
    <definedName name="内訳33" hidden="1">{#N/A,#N/A,FALSE,"内訳"}</definedName>
    <definedName name="内訳34" hidden="1">{#N/A,#N/A,FALSE,"内訳"}</definedName>
    <definedName name="内訳35" hidden="1">{#N/A,#N/A,FALSE,"内訳"}</definedName>
    <definedName name="内訳36" hidden="1">{#N/A,#N/A,FALSE,"内訳"}</definedName>
    <definedName name="内訳37" hidden="1">{#N/A,#N/A,FALSE,"内訳"}</definedName>
    <definedName name="内訳38" hidden="1">{#N/A,#N/A,FALSE,"内訳"}</definedName>
    <definedName name="内訳39" hidden="1">{#N/A,#N/A,FALSE,"内訳"}</definedName>
    <definedName name="内訳４" hidden="1">{#N/A,#N/A,FALSE,"内訳"}</definedName>
    <definedName name="内訳40" hidden="1">{#N/A,#N/A,FALSE,"内訳"}</definedName>
    <definedName name="内訳55" hidden="1">{#N/A,#N/A,FALSE,"内訳"}</definedName>
    <definedName name="内訳６０" hidden="1">{#N/A,#N/A,FALSE,"内訳"}</definedName>
    <definedName name="内訳62" hidden="1">{#N/A,#N/A,FALSE,"内訳"}</definedName>
    <definedName name="内訳64" hidden="1">{#N/A,#N/A,FALSE,"内訳"}</definedName>
    <definedName name="内訳65" hidden="1">{#N/A,#N/A,FALSE,"内訳"}</definedName>
    <definedName name="内訳66" hidden="1">{#N/A,#N/A,FALSE,"内訳"}</definedName>
    <definedName name="内訳70" hidden="1">{#N/A,#N/A,FALSE,"内訳"}</definedName>
    <definedName name="内訳77" hidden="1">{#N/A,#N/A,FALSE,"内訳"}</definedName>
    <definedName name="内訳80" hidden="1">{#N/A,#N/A,FALSE,"内訳"}</definedName>
    <definedName name="内訳83" hidden="1">{#N/A,#N/A,FALSE,"内訳"}</definedName>
    <definedName name="内訳84" hidden="1">{#N/A,#N/A,FALSE,"内訳"}</definedName>
    <definedName name="内訳89" hidden="1">{#N/A,#N/A,FALSE,"内訳"}</definedName>
    <definedName name="内訳90" hidden="1">{#N/A,#N/A,FALSE,"内訳"}</definedName>
    <definedName name="内訳96" hidden="1">{#N/A,#N/A,FALSE,"内訳"}</definedName>
    <definedName name="内訳97" hidden="1">{#N/A,#N/A,FALSE,"内訳"}</definedName>
    <definedName name="内訳98" hidden="1">{#N/A,#N/A,FALSE,"内訳"}</definedName>
    <definedName name="内訳99" hidden="1">{#N/A,#N/A,FALSE,"内訳"}</definedName>
    <definedName name="内訳一覧">#REF!</definedName>
    <definedName name="内訳書" hidden="1">{"設定1",#N/A,FALSE,"第5号-1";"設定2",#N/A,FALSE,"第5号-1"}</definedName>
    <definedName name="二次">#REF!</definedName>
    <definedName name="日平均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94]排水器具・ﾄﾗｯﾌﾟ!$V$50:$AC$70</definedName>
    <definedName name="排水PS">#REF!</definedName>
    <definedName name="排水器具･ﾄﾗｯﾌﾟ等">[94]排水器具・ﾄﾗｯﾌﾟ!$V$50:$AC$70</definedName>
    <definedName name="配管工">#REF!</definedName>
    <definedName name="配線器具">#REF!</definedName>
    <definedName name="配線材料" hidden="1">{"設定1",#N/A,FALSE,"第5号-1";"設定2",#N/A,FALSE,"第5号-1"}</definedName>
    <definedName name="剥離剤">#REF!</definedName>
    <definedName name="泊まり人件費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盤名称11">#REF!</definedName>
    <definedName name="盤名称12">#REF!</definedName>
    <definedName name="比較">#REF!</definedName>
    <definedName name="費">'[95]代価表 '!$Z$6</definedName>
    <definedName name="表紙">[96]!印刷</definedName>
    <definedName name="表題">[63]配水管原!#REF!</definedName>
    <definedName name="表流水">#REF!</definedName>
    <definedName name="不活性ガス">[3]歩・屋!$W$13</definedName>
    <definedName name="付属品率">#REF!</definedName>
    <definedName name="付帯">[6]付帯!$C$4</definedName>
    <definedName name="普作1">[26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61]表紙!#REF!</definedName>
    <definedName name="副単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>#REF!</definedName>
    <definedName name="複合工費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合単価表">#REF!</definedName>
    <definedName name="複写">#REF!</definedName>
    <definedName name="複写範囲">#REF!</definedName>
    <definedName name="物価資料価格表">'[97]物価資料価格表(変更後)'!$A$1:$L$65536</definedName>
    <definedName name="分類">[98]機器等据付重量表!$C$7:$C$56,[98]機器等据付重量表!$C$63,[98]機器等据付重量表!$C$63:$C$112,[98]機器等据付重量表!$C$119,[98]機器等据付重量表!$C$119:$C$168,[98]機器等据付重量表!$C$175:$C$224,[98]機器等据付重量表!$C$231,[98]機器等据付重量表!$C$231:$C$280,[98]機器等据付重量表!$C$287,[98]機器等据付重量表!$C$287:$C$336,[98]機器等据付重量表!$C$343,[98]機器等据付重量表!$C$343:$C$392</definedName>
    <definedName name="粉炭費">#REF!</definedName>
    <definedName name="兵庫県都まちづくり部設備課">[99]小項目!#REF!</definedName>
    <definedName name="頁枚数">[25]表紙!#REF!</definedName>
    <definedName name="別途">[6]付帯!$F$3</definedName>
    <definedName name="変更名称" hidden="1">{#N/A,#N/A,FALSE,"積算根拠";#N/A,#N/A,FALSE,"数量計算書";#N/A,#N/A,FALSE,"集計表";#N/A,#N/A,FALSE,"Sheet3"}</definedName>
    <definedName name="変更用紙">[81]!印刷</definedName>
    <definedName name="弁類">#REF!</definedName>
    <definedName name="保温工">#REF!</definedName>
    <definedName name="保証方法">#REF!</definedName>
    <definedName name="保存">#N/A</definedName>
    <definedName name="舗装データ">#REF!</definedName>
    <definedName name="舗装復旧工">#REF!</definedName>
    <definedName name="歩掛け">#REF!</definedName>
    <definedName name="歩掛表">#REF!</definedName>
    <definedName name="補給率">#REF!</definedName>
    <definedName name="補助区分">'[20]入力データ(H27用シート連動）'!$U$2:$U$19</definedName>
    <definedName name="補助率">'[20]入力データ(H27用シート連動）'!$AE$2:$AE$9</definedName>
    <definedName name="補正">#REF!</definedName>
    <definedName name="補単特">'[20]入力データ(H27用シート連動）'!$B$2:$B$18</definedName>
    <definedName name="法面工">#REF!</definedName>
    <definedName name="防水工">#REF!</definedName>
    <definedName name="本設転用" hidden="1">{"設定1",#N/A,FALSE,"第5号-1";"設定2",#N/A,FALSE,"第5号-1"}</definedName>
    <definedName name="膜ポンプKW">#REF!</definedName>
    <definedName name="膜ろ過原水量">[58]条件!$C$15</definedName>
    <definedName name="膜ろ過棟" hidden="1">{"設定1",#N/A,FALSE,"第5号-1";"設定2",#N/A,FALSE,"第5号-1"}</definedName>
    <definedName name="膜交換費">#REF!</definedName>
    <definedName name="密粒AS">#REF!</definedName>
    <definedName name="名称">#REF!</definedName>
    <definedName name="面積">#REF!</definedName>
    <definedName name="目細区分">'[20]入力データ(H27用シート連動）'!$T$2:$T$20</definedName>
    <definedName name="問い合せ">#REF!</definedName>
    <definedName name="役務">#REF!</definedName>
    <definedName name="薬注回数">[58]条件!$E$23</definedName>
    <definedName name="薬注時間">[58]条件!$C$24</definedName>
    <definedName name="薬注頻度">[58]条件!$C$23</definedName>
    <definedName name="薬品洗浄費">#REF!</definedName>
    <definedName name="輸送１">#REF!</definedName>
    <definedName name="輸送費">#REF!</definedName>
    <definedName name="予定価格積算書">#REF!</definedName>
    <definedName name="幼児便器">#REF!</definedName>
    <definedName name="擁壁小">[76]工事費内訳表!$H$43</definedName>
    <definedName name="擁壁大">[76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立案冠記号">[100]Code!#REF!</definedName>
    <definedName name="粒調砕石Mｰ30">#REF!</definedName>
    <definedName name="鈴鹿市">#REF!</definedName>
    <definedName name="鈴木" hidden="1">{"設定1",#N/A,FALSE,"第5号-1";"設定2",#N/A,FALSE,"第5号-1"}</definedName>
    <definedName name="鈴木_1" hidden="1">{"設定1",#N/A,FALSE,"第5号-1";"設定2",#N/A,FALSE,"第5号-1"}</definedName>
    <definedName name="列数">[58]条件!$C$9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[17]経費計算!#REF!</definedName>
    <definedName name="労務費１">[17]経費計算!#REF!</definedName>
    <definedName name="労務費2">[90]!湯ノ谷印刷</definedName>
    <definedName name="労務表">[101]労務単価コード!$B$2:$E$64</definedName>
    <definedName name="濾過池配線材料" hidden="1">{"設定1",#N/A,FALSE,"第5号-1";"設定2",#N/A,FALSE,"第5号-1"}</definedName>
  </definedNames>
  <calcPr calcId="162913"/>
</workbook>
</file>

<file path=xl/sharedStrings.xml><?xml version="1.0" encoding="utf-8"?>
<sst xmlns="http://schemas.openxmlformats.org/spreadsheetml/2006/main" count="35" uniqueCount="31">
  <si>
    <t>式</t>
    <rPh sb="0" eb="1">
      <t>シキ</t>
    </rPh>
    <phoneticPr fontId="4"/>
  </si>
  <si>
    <t>工事名</t>
    <rPh sb="0" eb="2">
      <t>コウジ</t>
    </rPh>
    <rPh sb="2" eb="3">
      <t>ナ</t>
    </rPh>
    <phoneticPr fontId="4"/>
  </si>
  <si>
    <t>工事場所</t>
    <rPh sb="0" eb="2">
      <t>コウジ</t>
    </rPh>
    <rPh sb="2" eb="4">
      <t>バショ</t>
    </rPh>
    <phoneticPr fontId="4"/>
  </si>
  <si>
    <t>工事費内訳書</t>
    <rPh sb="0" eb="2">
      <t>コウジ</t>
    </rPh>
    <rPh sb="2" eb="3">
      <t>ヒ</t>
    </rPh>
    <rPh sb="3" eb="6">
      <t>ウチワケショ</t>
    </rPh>
    <phoneticPr fontId="4"/>
  </si>
  <si>
    <t>費目</t>
    <rPh sb="0" eb="2">
      <t>ヒモク</t>
    </rPh>
    <phoneticPr fontId="4"/>
  </si>
  <si>
    <t>工種</t>
    <rPh sb="0" eb="1">
      <t>コウ</t>
    </rPh>
    <rPh sb="1" eb="2">
      <t>シュ</t>
    </rPh>
    <phoneticPr fontId="4"/>
  </si>
  <si>
    <t>種別</t>
    <rPh sb="0" eb="2">
      <t>シュベツ</t>
    </rPh>
    <phoneticPr fontId="4"/>
  </si>
  <si>
    <t>細別/規格</t>
    <rPh sb="0" eb="2">
      <t>サイベツ</t>
    </rPh>
    <rPh sb="3" eb="5">
      <t>キカク</t>
    </rPh>
    <phoneticPr fontId="4"/>
  </si>
  <si>
    <t>単位</t>
    <rPh sb="0" eb="2">
      <t>タンイ</t>
    </rPh>
    <phoneticPr fontId="4"/>
  </si>
  <si>
    <t>数量</t>
    <rPh sb="0" eb="2">
      <t>スウリョウ</t>
    </rPh>
    <phoneticPr fontId="4"/>
  </si>
  <si>
    <t>単価</t>
  </si>
  <si>
    <t>金額</t>
  </si>
  <si>
    <t>共通仮設費</t>
    <rPh sb="0" eb="2">
      <t>キョウツウ</t>
    </rPh>
    <rPh sb="2" eb="4">
      <t>カセツ</t>
    </rPh>
    <rPh sb="4" eb="5">
      <t>ヒ</t>
    </rPh>
    <phoneticPr fontId="4"/>
  </si>
  <si>
    <t>共通仮設費率計算額</t>
    <rPh sb="5" eb="6">
      <t>リツ</t>
    </rPh>
    <rPh sb="6" eb="8">
      <t>ケイサン</t>
    </rPh>
    <rPh sb="8" eb="9">
      <t>ガク</t>
    </rPh>
    <phoneticPr fontId="4"/>
  </si>
  <si>
    <t>純工事費</t>
    <rPh sb="0" eb="1">
      <t>ジュン</t>
    </rPh>
    <rPh sb="1" eb="4">
      <t>コウジヒ</t>
    </rPh>
    <phoneticPr fontId="4"/>
  </si>
  <si>
    <t>現場管理費</t>
    <rPh sb="0" eb="2">
      <t>ゲンバ</t>
    </rPh>
    <rPh sb="2" eb="4">
      <t>カンリ</t>
    </rPh>
    <rPh sb="4" eb="5">
      <t>ヒ</t>
    </rPh>
    <phoneticPr fontId="4"/>
  </si>
  <si>
    <t>現場管理費率計算額</t>
    <rPh sb="0" eb="2">
      <t>ゲンバ</t>
    </rPh>
    <rPh sb="2" eb="4">
      <t>カンリ</t>
    </rPh>
    <rPh sb="4" eb="5">
      <t>ヒ</t>
    </rPh>
    <rPh sb="5" eb="6">
      <t>リツ</t>
    </rPh>
    <rPh sb="6" eb="8">
      <t>ケイサン</t>
    </rPh>
    <rPh sb="8" eb="9">
      <t>ガク</t>
    </rPh>
    <phoneticPr fontId="4"/>
  </si>
  <si>
    <t>工事原価</t>
    <rPh sb="0" eb="2">
      <t>コウジ</t>
    </rPh>
    <rPh sb="2" eb="4">
      <t>ゲンカ</t>
    </rPh>
    <phoneticPr fontId="4"/>
  </si>
  <si>
    <t>一般管理費等</t>
    <rPh sb="0" eb="2">
      <t>イッパン</t>
    </rPh>
    <rPh sb="2" eb="4">
      <t>カンリ</t>
    </rPh>
    <rPh sb="4" eb="5">
      <t>ヒ</t>
    </rPh>
    <rPh sb="5" eb="6">
      <t>ナド</t>
    </rPh>
    <phoneticPr fontId="4"/>
  </si>
  <si>
    <t>一般管理費率計算額</t>
    <rPh sb="0" eb="2">
      <t>イッパン</t>
    </rPh>
    <rPh sb="2" eb="5">
      <t>カンリヒ</t>
    </rPh>
    <rPh sb="5" eb="6">
      <t>リツ</t>
    </rPh>
    <rPh sb="6" eb="8">
      <t>ケイサン</t>
    </rPh>
    <rPh sb="8" eb="9">
      <t>ガク</t>
    </rPh>
    <phoneticPr fontId="4"/>
  </si>
  <si>
    <t>工事価格</t>
    <rPh sb="0" eb="2">
      <t>コウジ</t>
    </rPh>
    <rPh sb="2" eb="4">
      <t>カカク</t>
    </rPh>
    <phoneticPr fontId="4"/>
  </si>
  <si>
    <t>直接工事費</t>
    <phoneticPr fontId="4"/>
  </si>
  <si>
    <t>式</t>
    <rPh sb="0" eb="1">
      <t>シキ</t>
    </rPh>
    <phoneticPr fontId="2"/>
  </si>
  <si>
    <t>別途製作の</t>
    <rPh sb="0" eb="2">
      <t>ベット</t>
    </rPh>
    <rPh sb="2" eb="4">
      <t>セイサク</t>
    </rPh>
    <phoneticPr fontId="2"/>
  </si>
  <si>
    <t>製作費</t>
    <rPh sb="0" eb="2">
      <t>セイサク</t>
    </rPh>
    <rPh sb="2" eb="3">
      <t>ヒ</t>
    </rPh>
    <phoneticPr fontId="2"/>
  </si>
  <si>
    <t>機器購入費</t>
    <rPh sb="0" eb="2">
      <t>キキ</t>
    </rPh>
    <rPh sb="2" eb="5">
      <t>コウニュウヒ</t>
    </rPh>
    <phoneticPr fontId="2"/>
  </si>
  <si>
    <t>機器費（非支給材）</t>
    <rPh sb="0" eb="2">
      <t>キキ</t>
    </rPh>
    <rPh sb="2" eb="3">
      <t>ヒ</t>
    </rPh>
    <rPh sb="4" eb="5">
      <t>ヒ</t>
    </rPh>
    <rPh sb="5" eb="7">
      <t>シキュウ</t>
    </rPh>
    <rPh sb="7" eb="8">
      <t>ザイ</t>
    </rPh>
    <phoneticPr fontId="2"/>
  </si>
  <si>
    <t>令和2年度水道事業実務必携に記載の請負工事積算基準「構造物工事（浄水場等）」にて積算</t>
    <rPh sb="0" eb="2">
      <t>レイワ</t>
    </rPh>
    <rPh sb="3" eb="5">
      <t>ネンド</t>
    </rPh>
    <phoneticPr fontId="2"/>
  </si>
  <si>
    <t>摘　　　　　　要</t>
    <phoneticPr fontId="2"/>
  </si>
  <si>
    <t>三滝西水源地ほか水質計器等更新工事</t>
  </si>
  <si>
    <t>四日市市高角町ほか４町及び員弁郡東員町地内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6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#,##0_ "/>
    <numFmt numFmtId="177" formatCode="0.00_ "/>
    <numFmt numFmtId="178" formatCode="0.000"/>
    <numFmt numFmtId="179" formatCode="&quot;(&quot;#,##0&quot;)&quot;"/>
    <numFmt numFmtId="181" formatCode="#,##0.0"/>
    <numFmt numFmtId="182" formatCode="0.000_ "/>
    <numFmt numFmtId="183" formatCode="hh:mm\ \T\K"/>
    <numFmt numFmtId="184" formatCode=";;;"/>
    <numFmt numFmtId="185" formatCode="_(&quot;$&quot;* #,##0_);_(&quot;$&quot;* \(#,##0\);_(&quot;$&quot;* &quot;-&quot;_);_(@_)"/>
    <numFmt numFmtId="186" formatCode="_(&quot;$&quot;* #,##0.00_);_(&quot;$&quot;* \(#,##0.00\);_(&quot;$&quot;* &quot;-&quot;??_);_(@_)"/>
    <numFmt numFmtId="187" formatCode="mm/dd/yy\ h:mm"/>
    <numFmt numFmtId="188" formatCode="mmmm/dd/yyyy\ h:mm"/>
    <numFmt numFmtId="189" formatCode="_-* #,##0.0_-;\-* #,##0.0_-;_-* &quot;-&quot;??_-;_-@_-"/>
    <numFmt numFmtId="190" formatCode="0.00000%"/>
    <numFmt numFmtId="191" formatCode="&quot;¥&quot;#,##0.0;[Red]&quot;¥&quot;\-#,##0.0"/>
    <numFmt numFmtId="192" formatCode="_(* #,##0_);_(* \(#,##0\);_(* &quot;-&quot;??_);_(@_)"/>
    <numFmt numFmtId="193" formatCode="&quot;$&quot;#,##0.00"/>
    <numFmt numFmtId="194" formatCode="#,##0&quot; &quot;"/>
    <numFmt numFmtId="195" formatCode="&quot;[&quot;#,##0&quot;]&quot;"/>
    <numFmt numFmtId="196" formatCode="\(#,##0\)"/>
    <numFmt numFmtId="197" formatCode="#,##0\ &quot;&quot;"/>
    <numFmt numFmtId="198" formatCode="#,##0\ "/>
    <numFmt numFmtId="199" formatCode="#,##0\ &quot; x&quot;"/>
    <numFmt numFmtId="200" formatCode="#,##0.0000;[Red]\-#,##0.0000"/>
    <numFmt numFmtId="201" formatCode="#,##0\ &quot; +&quot;"/>
    <numFmt numFmtId="202" formatCode="#,##0_);[Red]\(#,##0\)"/>
    <numFmt numFmtId="203" formatCode="0.0000_ "/>
    <numFmt numFmtId="204" formatCode="\(\1\+#,##0.0000\)"/>
    <numFmt numFmtId="205" formatCode="\-#,##0_ "/>
    <numFmt numFmtId="206" formatCode="&quot;[&quot;#,##0&quot;]&quot;\+"/>
    <numFmt numFmtId="207" formatCode="&quot;×&quot;#&quot;%&quot;"/>
    <numFmt numFmtId="213" formatCode="[$-411]ge\.m\.d;@"/>
    <numFmt numFmtId="217" formatCode="#,##0.0;[Red]\-#,##0.0"/>
    <numFmt numFmtId="218" formatCode="0_ "/>
    <numFmt numFmtId="220" formatCode="#,##0\ ;\-#,##0\ ;_ * &quot;- &quot;_ ;_ @_ "/>
    <numFmt numFmtId="221" formatCode="_(&quot;¥&quot;* #,##0_);_(&quot;¥&quot;* \(#,##0\);_(&quot;¥&quot;* &quot;-&quot;??_);_(@_)"/>
    <numFmt numFmtId="222" formatCode="###0"/>
    <numFmt numFmtId="223" formatCode="#,##0\-;&quot;▲&quot;#,##0\-"/>
    <numFmt numFmtId="224" formatCode="&quot;¥&quot;#,##0\-;&quot;¥&quot;&quot;▲&quot;#,##0\-"/>
    <numFmt numFmtId="225" formatCode="0.0"/>
    <numFmt numFmtId="226" formatCode="0.0000&quot;)&quot;"/>
    <numFmt numFmtId="227" formatCode="0.000000"/>
    <numFmt numFmtId="230" formatCode="#,##0\ ;[Red]\-#,##0\ "/>
    <numFmt numFmtId="231" formatCode="###0.0;[Red]\-###0.0"/>
    <numFmt numFmtId="232" formatCode="###0.00;[Red]\-###0.00"/>
    <numFmt numFmtId="233" formatCode="#,##0.000\ ;[Red]\-#,##0.000\ "/>
    <numFmt numFmtId="234" formatCode="_(* #,##0.00_);_(* \(#,##0.00\);_(* &quot;-&quot;??_);_(@_)"/>
    <numFmt numFmtId="235" formatCode="_(* #,##0_);_(* \(#,##0\);_(* &quot;-&quot;_);_(@_)"/>
    <numFmt numFmtId="236" formatCode="0.0_ "/>
    <numFmt numFmtId="237" formatCode="0.00_);[Red]\(0.00\)"/>
    <numFmt numFmtId="238" formatCode="0.000%"/>
    <numFmt numFmtId="239" formatCode="&quot;×&quot;#,##0.0"/>
  </numFmts>
  <fonts count="72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2"/>
      <name val="Arial"/>
      <family val="2"/>
    </font>
    <font>
      <sz val="10"/>
      <name val="Arial"/>
      <family val="2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明朝"/>
      <family val="1"/>
      <charset val="128"/>
    </font>
    <font>
      <sz val="14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sz val="16"/>
      <name val="ＭＳ 明朝"/>
      <family val="1"/>
      <charset val="128"/>
    </font>
    <font>
      <sz val="10"/>
      <name val="明朝"/>
      <family val="1"/>
      <charset val="128"/>
    </font>
    <font>
      <sz val="10"/>
      <color indexed="8"/>
      <name val="Arial"/>
      <family val="2"/>
    </font>
    <font>
      <b/>
      <sz val="12"/>
      <name val="Helv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2"/>
      <name val="ＭＳ 明朝"/>
      <family val="1"/>
      <charset val="128"/>
    </font>
    <font>
      <sz val="18"/>
      <name val="ＭＳ 明朝"/>
      <family val="1"/>
      <charset val="128"/>
    </font>
    <font>
      <sz val="10"/>
      <name val="ＭＳ 明朝"/>
      <family val="1"/>
      <charset val="128"/>
    </font>
    <font>
      <sz val="10"/>
      <color indexed="10"/>
      <name val="ＭＳ 明朝"/>
      <family val="1"/>
      <charset val="128"/>
    </font>
    <font>
      <sz val="9"/>
      <color indexed="10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11"/>
      <name val="¾©"/>
      <family val="1"/>
    </font>
    <font>
      <sz val="12"/>
      <name val="Arial"/>
      <family val="2"/>
    </font>
    <font>
      <sz val="10"/>
      <name val="MS Sans Serif"/>
      <family val="2"/>
    </font>
    <font>
      <sz val="12"/>
      <name val="ＭＳ ゴシック"/>
      <family val="3"/>
      <charset val="128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11"/>
      <color indexed="10"/>
      <name val="ＭＳ 明朝"/>
      <family val="1"/>
      <charset val="128"/>
    </font>
    <font>
      <b/>
      <sz val="16"/>
      <color indexed="8"/>
      <name val="ＭＳ Ｐゴシック"/>
      <family val="3"/>
      <charset val="128"/>
    </font>
    <font>
      <sz val="11"/>
      <name val="ＪＳ明朝"/>
      <family val="1"/>
      <charset val="128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4"/>
      <color indexed="8"/>
      <name val="ＭＳ 明朝"/>
      <family val="1"/>
      <charset val="128"/>
    </font>
    <font>
      <sz val="12"/>
      <name val="明朝"/>
      <family val="1"/>
      <charset val="128"/>
    </font>
    <font>
      <sz val="8"/>
      <name val="明朝"/>
      <family val="1"/>
      <charset val="128"/>
    </font>
    <font>
      <sz val="12"/>
      <name val="Times New Roman"/>
      <family val="1"/>
    </font>
    <font>
      <sz val="11"/>
      <name val="Times New Roman"/>
      <family val="1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9"/>
      <name val="細明朝体"/>
      <family val="3"/>
      <charset val="128"/>
    </font>
    <font>
      <sz val="11"/>
      <color theme="1"/>
      <name val="ＭＳ Ｐゴシック"/>
      <family val="3"/>
      <charset val="128"/>
      <scheme val="minor"/>
    </font>
  </fonts>
  <fills count="31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9"/>
      </patternFill>
    </fill>
    <fill>
      <patternFill patternType="solid">
        <fgColor indexed="9"/>
        <bgColor indexed="9"/>
      </patternFill>
    </fill>
  </fills>
  <borders count="59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</borders>
  <cellStyleXfs count="242">
    <xf numFmtId="0" fontId="0" fillId="0" borderId="0">
      <alignment vertical="center"/>
    </xf>
    <xf numFmtId="185" fontId="11" fillId="0" borderId="0" applyFont="0" applyFill="0" applyBorder="0" applyAlignment="0" applyProtection="0"/>
    <xf numFmtId="186" fontId="11" fillId="0" borderId="0" applyFont="0" applyFill="0" applyBorder="0" applyAlignment="0" applyProtection="0"/>
    <xf numFmtId="0" fontId="11" fillId="0" borderId="0" applyFont="0" applyFill="0" applyBorder="0" applyAlignment="0" applyProtection="0"/>
    <xf numFmtId="0" fontId="11" fillId="0" borderId="0" applyFont="0" applyFill="0" applyBorder="0" applyAlignment="0" applyProtection="0"/>
    <xf numFmtId="0" fontId="11" fillId="0" borderId="0"/>
    <xf numFmtId="9" fontId="11" fillId="2" borderId="0"/>
    <xf numFmtId="178" fontId="30" fillId="0" borderId="1" applyFont="0" applyFill="0" applyBorder="0" applyAlignment="0" applyProtection="0"/>
    <xf numFmtId="0" fontId="8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8" fillId="5" borderId="0" applyNumberFormat="0" applyBorder="0" applyAlignment="0" applyProtection="0">
      <alignment vertical="center"/>
    </xf>
    <xf numFmtId="0" fontId="8" fillId="6" borderId="0" applyNumberFormat="0" applyBorder="0" applyAlignment="0" applyProtection="0">
      <alignment vertical="center"/>
    </xf>
    <xf numFmtId="0" fontId="8" fillId="7" borderId="0" applyNumberFormat="0" applyBorder="0" applyAlignment="0" applyProtection="0">
      <alignment vertical="center"/>
    </xf>
    <xf numFmtId="0" fontId="8" fillId="8" borderId="0" applyNumberFormat="0" applyBorder="0" applyAlignment="0" applyProtection="0">
      <alignment vertical="center"/>
    </xf>
    <xf numFmtId="0" fontId="8" fillId="9" borderId="0" applyNumberFormat="0" applyBorder="0" applyAlignment="0" applyProtection="0">
      <alignment vertical="center"/>
    </xf>
    <xf numFmtId="0" fontId="8" fillId="10" borderId="0" applyNumberFormat="0" applyBorder="0" applyAlignment="0" applyProtection="0">
      <alignment vertical="center"/>
    </xf>
    <xf numFmtId="0" fontId="8" fillId="11" borderId="0" applyNumberFormat="0" applyBorder="0" applyAlignment="0" applyProtection="0">
      <alignment vertical="center"/>
    </xf>
    <xf numFmtId="0" fontId="8" fillId="6" borderId="0" applyNumberFormat="0" applyBorder="0" applyAlignment="0" applyProtection="0">
      <alignment vertical="center"/>
    </xf>
    <xf numFmtId="0" fontId="8" fillId="9" borderId="0" applyNumberFormat="0" applyBorder="0" applyAlignment="0" applyProtection="0">
      <alignment vertical="center"/>
    </xf>
    <xf numFmtId="0" fontId="8" fillId="12" borderId="0" applyNumberFormat="0" applyBorder="0" applyAlignment="0" applyProtection="0">
      <alignment vertical="center"/>
    </xf>
    <xf numFmtId="0" fontId="9" fillId="13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14" borderId="0" applyNumberFormat="0" applyBorder="0" applyAlignment="0" applyProtection="0">
      <alignment vertical="center"/>
    </xf>
    <xf numFmtId="0" fontId="9" fillId="15" borderId="0" applyNumberFormat="0" applyBorder="0" applyAlignment="0" applyProtection="0">
      <alignment vertical="center"/>
    </xf>
    <xf numFmtId="0" fontId="9" fillId="16" borderId="0" applyNumberFormat="0" applyBorder="0" applyAlignment="0" applyProtection="0">
      <alignment vertical="center"/>
    </xf>
    <xf numFmtId="181" fontId="3" fillId="0" borderId="0" applyFill="0" applyBorder="0" applyAlignment="0"/>
    <xf numFmtId="188" fontId="3" fillId="0" borderId="0" applyFill="0" applyBorder="0" applyAlignment="0"/>
    <xf numFmtId="187" fontId="3" fillId="0" borderId="0" applyFill="0" applyBorder="0" applyAlignment="0"/>
    <xf numFmtId="0" fontId="11" fillId="0" borderId="0" applyFill="0" applyBorder="0" applyAlignment="0"/>
    <xf numFmtId="0" fontId="11" fillId="0" borderId="0" applyFill="0" applyBorder="0" applyAlignment="0"/>
    <xf numFmtId="187" fontId="3" fillId="0" borderId="0" applyFill="0" applyBorder="0" applyAlignment="0"/>
    <xf numFmtId="0" fontId="11" fillId="0" borderId="0" applyFill="0" applyBorder="0" applyAlignment="0"/>
    <xf numFmtId="188" fontId="3" fillId="0" borderId="0" applyFill="0" applyBorder="0" applyAlignment="0"/>
    <xf numFmtId="0" fontId="11" fillId="0" borderId="0" applyFont="0" applyFill="0" applyBorder="0" applyAlignment="0" applyProtection="0"/>
    <xf numFmtId="187" fontId="3" fillId="0" borderId="0" applyFont="0" applyFill="0" applyBorder="0" applyAlignment="0" applyProtection="0"/>
    <xf numFmtId="189" fontId="11" fillId="0" borderId="0" applyFont="0" applyFill="0" applyBorder="0" applyAlignment="0" applyProtection="0"/>
    <xf numFmtId="0" fontId="11" fillId="0" borderId="0" applyFont="0" applyFill="0" applyBorder="0" applyAlignment="0" applyProtection="0"/>
    <xf numFmtId="188" fontId="3" fillId="0" borderId="0" applyFont="0" applyFill="0" applyBorder="0" applyAlignment="0" applyProtection="0"/>
    <xf numFmtId="0" fontId="11" fillId="0" borderId="0" applyFont="0" applyFill="0" applyBorder="0" applyAlignment="0" applyProtection="0"/>
    <xf numFmtId="0" fontId="32" fillId="0" borderId="2" applyNumberFormat="0" applyBorder="0">
      <alignment horizontal="centerContinuous"/>
    </xf>
    <xf numFmtId="14" fontId="31" fillId="0" borderId="0" applyFill="0" applyBorder="0" applyAlignment="0"/>
    <xf numFmtId="187" fontId="3" fillId="0" borderId="0" applyFill="0" applyBorder="0" applyAlignment="0"/>
    <xf numFmtId="188" fontId="3" fillId="0" borderId="0" applyFill="0" applyBorder="0" applyAlignment="0"/>
    <xf numFmtId="187" fontId="3" fillId="0" borderId="0" applyFill="0" applyBorder="0" applyAlignment="0"/>
    <xf numFmtId="0" fontId="11" fillId="0" borderId="0" applyFill="0" applyBorder="0" applyAlignment="0"/>
    <xf numFmtId="188" fontId="3" fillId="0" borderId="0" applyFill="0" applyBorder="0" applyAlignment="0"/>
    <xf numFmtId="0" fontId="33" fillId="0" borderId="0" applyNumberFormat="0" applyFill="0" applyBorder="0" applyAlignment="0" applyProtection="0"/>
    <xf numFmtId="38" fontId="34" fillId="17" borderId="0" applyNumberFormat="0" applyBorder="0" applyAlignment="0" applyProtection="0"/>
    <xf numFmtId="0" fontId="10" fillId="0" borderId="3" applyNumberFormat="0" applyAlignment="0" applyProtection="0">
      <alignment horizontal="left" vertical="center"/>
    </xf>
    <xf numFmtId="0" fontId="10" fillId="0" borderId="4">
      <alignment horizontal="left" vertical="center"/>
    </xf>
    <xf numFmtId="0" fontId="35" fillId="0" borderId="0" applyNumberFormat="0" applyFill="0" applyBorder="0" applyAlignment="0" applyProtection="0">
      <alignment vertical="top"/>
      <protection locked="0"/>
    </xf>
    <xf numFmtId="10" fontId="34" fillId="18" borderId="5" applyNumberFormat="0" applyBorder="0" applyAlignment="0" applyProtection="0"/>
    <xf numFmtId="187" fontId="3" fillId="0" borderId="0" applyFill="0" applyBorder="0" applyAlignment="0"/>
    <xf numFmtId="188" fontId="3" fillId="0" borderId="0" applyFill="0" applyBorder="0" applyAlignment="0"/>
    <xf numFmtId="187" fontId="3" fillId="0" borderId="0" applyFill="0" applyBorder="0" applyAlignment="0"/>
    <xf numFmtId="0" fontId="11" fillId="0" borderId="0" applyFill="0" applyBorder="0" applyAlignment="0"/>
    <xf numFmtId="188" fontId="3" fillId="0" borderId="0" applyFill="0" applyBorder="0" applyAlignment="0"/>
    <xf numFmtId="2" fontId="36" fillId="19" borderId="0"/>
    <xf numFmtId="190" fontId="6" fillId="0" borderId="0"/>
    <xf numFmtId="0" fontId="11" fillId="0" borderId="0"/>
    <xf numFmtId="179" fontId="37" fillId="0" borderId="0" applyFont="0" applyFill="0" applyBorder="0" applyAlignment="0" applyProtection="0"/>
    <xf numFmtId="177" fontId="37" fillId="0" borderId="0" applyFont="0" applyFill="0" applyBorder="0" applyAlignment="0" applyProtection="0"/>
    <xf numFmtId="0" fontId="11" fillId="0" borderId="0" applyFont="0" applyFill="0" applyBorder="0" applyAlignment="0" applyProtection="0"/>
    <xf numFmtId="189" fontId="11" fillId="0" borderId="0" applyFont="0" applyFill="0" applyBorder="0" applyAlignment="0" applyProtection="0"/>
    <xf numFmtId="10" fontId="11" fillId="0" borderId="0" applyFont="0" applyFill="0" applyBorder="0" applyAlignment="0" applyProtection="0"/>
    <xf numFmtId="0" fontId="11" fillId="0" borderId="0" applyFont="0" applyFill="0" applyBorder="0" applyAlignment="0" applyProtection="0"/>
    <xf numFmtId="187" fontId="3" fillId="0" borderId="0" applyFill="0" applyBorder="0" applyAlignment="0"/>
    <xf numFmtId="188" fontId="3" fillId="0" borderId="0" applyFill="0" applyBorder="0" applyAlignment="0"/>
    <xf numFmtId="187" fontId="3" fillId="0" borderId="0" applyFill="0" applyBorder="0" applyAlignment="0"/>
    <xf numFmtId="0" fontId="11" fillId="0" borderId="0" applyFill="0" applyBorder="0" applyAlignment="0"/>
    <xf numFmtId="188" fontId="3" fillId="0" borderId="0" applyFill="0" applyBorder="0" applyAlignment="0"/>
    <xf numFmtId="0" fontId="38" fillId="0" borderId="0"/>
    <xf numFmtId="49" fontId="31" fillId="0" borderId="0" applyFill="0" applyBorder="0" applyAlignment="0"/>
    <xf numFmtId="0" fontId="11" fillId="0" borderId="0" applyFill="0" applyBorder="0" applyAlignment="0"/>
    <xf numFmtId="0" fontId="11" fillId="0" borderId="0" applyFill="0" applyBorder="0" applyAlignment="0"/>
    <xf numFmtId="191" fontId="37" fillId="0" borderId="0" applyFont="0" applyFill="0" applyBorder="0" applyAlignment="0" applyProtection="0"/>
    <xf numFmtId="182" fontId="37" fillId="0" borderId="0" applyFont="0" applyFill="0" applyBorder="0" applyAlignment="0" applyProtection="0"/>
    <xf numFmtId="0" fontId="9" fillId="20" borderId="0" applyNumberFormat="0" applyBorder="0" applyAlignment="0" applyProtection="0">
      <alignment vertical="center"/>
    </xf>
    <xf numFmtId="0" fontId="9" fillId="21" borderId="0" applyNumberFormat="0" applyBorder="0" applyAlignment="0" applyProtection="0">
      <alignment vertical="center"/>
    </xf>
    <xf numFmtId="0" fontId="9" fillId="22" borderId="0" applyNumberFormat="0" applyBorder="0" applyAlignment="0" applyProtection="0">
      <alignment vertical="center"/>
    </xf>
    <xf numFmtId="0" fontId="9" fillId="14" borderId="0" applyNumberFormat="0" applyBorder="0" applyAlignment="0" applyProtection="0">
      <alignment vertical="center"/>
    </xf>
    <xf numFmtId="0" fontId="9" fillId="15" borderId="0" applyNumberFormat="0" applyBorder="0" applyAlignment="0" applyProtection="0">
      <alignment vertical="center"/>
    </xf>
    <xf numFmtId="0" fontId="9" fillId="23" borderId="0" applyNumberFormat="0" applyBorder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24" borderId="6" applyNumberFormat="0" applyAlignment="0" applyProtection="0">
      <alignment vertical="center"/>
    </xf>
    <xf numFmtId="0" fontId="14" fillId="25" borderId="0" applyNumberFormat="0" applyBorder="0" applyAlignment="0" applyProtection="0">
      <alignment vertical="center"/>
    </xf>
    <xf numFmtId="192" fontId="26" fillId="0" borderId="0" applyFont="0" applyFill="0" applyBorder="0" applyAlignment="0" applyProtection="0"/>
    <xf numFmtId="193" fontId="26" fillId="0" borderId="0" applyFont="0" applyFill="0" applyBorder="0" applyAlignment="0" applyProtection="0"/>
    <xf numFmtId="9" fontId="3" fillId="0" borderId="0" applyFont="0" applyFill="0" applyBorder="0" applyAlignment="0" applyProtection="0"/>
    <xf numFmtId="0" fontId="39" fillId="0" borderId="0"/>
    <xf numFmtId="0" fontId="3" fillId="26" borderId="7" applyNumberFormat="0" applyFont="0" applyAlignment="0" applyProtection="0">
      <alignment vertical="center"/>
    </xf>
    <xf numFmtId="41" fontId="11" fillId="0" borderId="0" applyFont="0" applyFill="0" applyBorder="0" applyAlignment="0" applyProtection="0"/>
    <xf numFmtId="4" fontId="39" fillId="0" borderId="0" applyFont="0" applyFill="0" applyBorder="0" applyAlignment="0" applyProtection="0"/>
    <xf numFmtId="0" fontId="15" fillId="0" borderId="8" applyNumberFormat="0" applyFill="0" applyAlignment="0" applyProtection="0">
      <alignment vertical="center"/>
    </xf>
    <xf numFmtId="0" fontId="16" fillId="4" borderId="0" applyNumberFormat="0" applyBorder="0" applyAlignment="0" applyProtection="0">
      <alignment vertical="center"/>
    </xf>
    <xf numFmtId="0" fontId="17" fillId="27" borderId="9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38" fontId="3" fillId="0" borderId="0" applyFont="0" applyFill="0" applyBorder="0" applyAlignment="0" applyProtection="0"/>
    <xf numFmtId="3" fontId="30" fillId="0" borderId="0" applyFont="0" applyFill="0" applyBorder="0" applyAlignment="0" applyProtection="0"/>
    <xf numFmtId="0" fontId="30" fillId="0" borderId="1" applyFont="0" applyFill="0" applyBorder="0" applyAlignment="0" applyProtection="0">
      <alignment horizontal="right"/>
    </xf>
    <xf numFmtId="4" fontId="30" fillId="0" borderId="1" applyFont="0" applyFill="0" applyBorder="0" applyAlignment="0" applyProtection="0"/>
    <xf numFmtId="0" fontId="19" fillId="0" borderId="10" applyNumberFormat="0" applyFill="0" applyAlignment="0" applyProtection="0">
      <alignment vertical="center"/>
    </xf>
    <xf numFmtId="0" fontId="20" fillId="0" borderId="11" applyNumberFormat="0" applyFill="0" applyAlignment="0" applyProtection="0">
      <alignment vertical="center"/>
    </xf>
    <xf numFmtId="0" fontId="21" fillId="0" borderId="12" applyNumberFormat="0" applyFill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13" applyNumberFormat="0" applyFill="0" applyAlignment="0" applyProtection="0">
      <alignment vertical="center"/>
    </xf>
    <xf numFmtId="0" fontId="23" fillId="27" borderId="14" applyNumberFormat="0" applyAlignment="0" applyProtection="0">
      <alignment vertical="center"/>
    </xf>
    <xf numFmtId="0" fontId="29" fillId="0" borderId="0">
      <alignment vertical="center"/>
    </xf>
    <xf numFmtId="0" fontId="24" fillId="0" borderId="0" applyNumberFormat="0" applyFill="0" applyBorder="0" applyAlignment="0" applyProtection="0">
      <alignment vertical="center"/>
    </xf>
    <xf numFmtId="0" fontId="11" fillId="0" borderId="0" applyFont="0" applyFill="0" applyBorder="0" applyAlignment="0" applyProtection="0"/>
    <xf numFmtId="0" fontId="11" fillId="0" borderId="0" applyFont="0" applyFill="0" applyBorder="0" applyAlignment="0" applyProtection="0"/>
    <xf numFmtId="0" fontId="25" fillId="8" borderId="9" applyNumberFormat="0" applyAlignment="0" applyProtection="0">
      <alignment vertical="center"/>
    </xf>
    <xf numFmtId="58" fontId="30" fillId="0" borderId="0" applyFont="0" applyFill="0" applyBorder="0" applyAlignment="0" applyProtection="0"/>
    <xf numFmtId="184" fontId="30" fillId="0" borderId="1" applyFont="0" applyFill="0" applyBorder="0" applyAlignment="0" applyProtection="0"/>
    <xf numFmtId="0" fontId="3" fillId="0" borderId="0"/>
    <xf numFmtId="0" fontId="3" fillId="0" borderId="0"/>
    <xf numFmtId="0" fontId="26" fillId="0" borderId="0"/>
    <xf numFmtId="183" fontId="7" fillId="0" borderId="0"/>
    <xf numFmtId="0" fontId="27" fillId="0" borderId="0"/>
    <xf numFmtId="0" fontId="28" fillId="5" borderId="0" applyNumberFormat="0" applyBorder="0" applyAlignment="0" applyProtection="0">
      <alignment vertical="center"/>
    </xf>
    <xf numFmtId="40" fontId="49" fillId="0" borderId="0" applyFont="0" applyFill="0" applyBorder="0" applyAlignment="0" applyProtection="0"/>
    <xf numFmtId="8" fontId="49" fillId="0" borderId="0" applyFont="0" applyFill="0" applyBorder="0" applyAlignment="0" applyProtection="0"/>
    <xf numFmtId="0" fontId="40" fillId="0" borderId="51" applyNumberFormat="0" applyFont="0" applyFill="0" applyAlignment="0" applyProtection="0"/>
    <xf numFmtId="0" fontId="11" fillId="0" borderId="0" applyNumberFormat="0" applyFill="0" applyBorder="0" applyAlignment="0" applyProtection="0"/>
    <xf numFmtId="0" fontId="50" fillId="0" borderId="0" applyNumberFormat="0" applyFill="0" applyBorder="0" applyAlignment="0" applyProtection="0"/>
    <xf numFmtId="0" fontId="34" fillId="0" borderId="0" applyNumberFormat="0" applyFill="0" applyBorder="0" applyAlignment="0" applyProtection="0"/>
    <xf numFmtId="181" fontId="47" fillId="0" borderId="0" applyFill="0" applyBorder="0" applyAlignment="0"/>
    <xf numFmtId="181" fontId="47" fillId="0" borderId="0" applyFill="0" applyBorder="0" applyAlignment="0"/>
    <xf numFmtId="0" fontId="52" fillId="0" borderId="0" applyNumberFormat="0" applyFont="0" applyBorder="0" applyAlignment="0" applyProtection="0"/>
    <xf numFmtId="0" fontId="36" fillId="0" borderId="0">
      <alignment horizontal="left"/>
    </xf>
    <xf numFmtId="0" fontId="48" fillId="0" borderId="0" applyNumberFormat="0" applyFill="0" applyBorder="0" applyAlignment="0" applyProtection="0"/>
    <xf numFmtId="0" fontId="52" fillId="0" borderId="0" applyNumberFormat="0" applyFill="0" applyBorder="0" applyAlignment="0" applyProtection="0"/>
    <xf numFmtId="4" fontId="36" fillId="0" borderId="0">
      <alignment horizontal="right"/>
    </xf>
    <xf numFmtId="0" fontId="51" fillId="0" borderId="0" applyNumberFormat="0" applyFont="0" applyFill="0" applyBorder="0" applyAlignment="0" applyProtection="0">
      <alignment horizontal="left"/>
    </xf>
    <xf numFmtId="0" fontId="53" fillId="0" borderId="33">
      <alignment horizontal="center"/>
    </xf>
    <xf numFmtId="4" fontId="54" fillId="0" borderId="0">
      <alignment horizontal="right"/>
    </xf>
    <xf numFmtId="0" fontId="46" fillId="0" borderId="0"/>
    <xf numFmtId="0" fontId="46" fillId="0" borderId="0"/>
    <xf numFmtId="0" fontId="55" fillId="0" borderId="0">
      <alignment horizontal="left"/>
    </xf>
    <xf numFmtId="0" fontId="51" fillId="0" borderId="0"/>
    <xf numFmtId="0" fontId="56" fillId="0" borderId="0">
      <alignment horizontal="center"/>
    </xf>
    <xf numFmtId="0" fontId="7" fillId="0" borderId="48" applyNumberFormat="0" applyFill="0" applyBorder="0" applyAlignment="0" applyProtection="0">
      <alignment horizontal="distributed" vertical="center" justifyLastLine="1"/>
    </xf>
    <xf numFmtId="0" fontId="57" fillId="28" borderId="0" applyNumberFormat="0" applyBorder="0" applyAlignment="0" applyProtection="0">
      <alignment vertical="center"/>
    </xf>
    <xf numFmtId="220" fontId="42" fillId="0" borderId="0" applyFill="0" applyBorder="0" applyAlignment="0" applyProtection="0">
      <alignment vertical="center"/>
    </xf>
    <xf numFmtId="0" fontId="58" fillId="29" borderId="0">
      <alignment horizontal="right" vertical="top"/>
    </xf>
    <xf numFmtId="0" fontId="57" fillId="28" borderId="0" applyNumberFormat="0" applyBorder="0" applyAlignment="0" applyProtection="0"/>
    <xf numFmtId="221" fontId="6" fillId="19" borderId="45" applyFont="0" applyFill="0" applyBorder="0" applyAlignment="0" applyProtection="0">
      <protection locked="0"/>
    </xf>
    <xf numFmtId="217" fontId="5" fillId="0" borderId="23"/>
    <xf numFmtId="38" fontId="47" fillId="0" borderId="0" applyFont="0" applyFill="0" applyBorder="0" applyAlignment="0" applyProtection="0"/>
    <xf numFmtId="38" fontId="26" fillId="0" borderId="0" applyFont="0" applyFill="0" applyBorder="0" applyAlignment="0" applyProtection="0"/>
    <xf numFmtId="222" fontId="59" fillId="0" borderId="52" applyFill="0" applyBorder="0" applyProtection="0"/>
    <xf numFmtId="223" fontId="30" fillId="0" borderId="47">
      <protection locked="0"/>
    </xf>
    <xf numFmtId="223" fontId="30" fillId="0" borderId="47">
      <protection locked="0"/>
    </xf>
    <xf numFmtId="224" fontId="30" fillId="0" borderId="47">
      <protection locked="0"/>
    </xf>
    <xf numFmtId="0" fontId="27" fillId="0" borderId="53">
      <alignment horizontal="center"/>
    </xf>
    <xf numFmtId="42" fontId="42" fillId="0" borderId="0" applyFill="0" applyBorder="0" applyAlignment="0" applyProtection="0">
      <alignment horizontal="center" vertical="center"/>
    </xf>
    <xf numFmtId="225" fontId="60" fillId="29" borderId="54">
      <alignment horizontal="right"/>
    </xf>
    <xf numFmtId="2" fontId="61" fillId="0" borderId="15">
      <alignment horizontal="center"/>
    </xf>
    <xf numFmtId="0" fontId="62" fillId="0" borderId="0" applyNumberFormat="0" applyFont="0" applyBorder="0" applyAlignment="0" applyProtection="0"/>
    <xf numFmtId="0" fontId="63" fillId="0" borderId="50" applyFill="0" applyBorder="0" applyProtection="0">
      <alignment horizontal="left" vertical="center"/>
    </xf>
    <xf numFmtId="6" fontId="47" fillId="0" borderId="0" applyFont="0" applyFill="0" applyBorder="0" applyAlignment="0" applyProtection="0"/>
    <xf numFmtId="218" fontId="46" fillId="0" borderId="55" applyNumberFormat="0" applyFont="0" applyAlignment="0" applyProtection="0"/>
    <xf numFmtId="0" fontId="47" fillId="0" borderId="0"/>
    <xf numFmtId="0" fontId="42" fillId="0" borderId="0"/>
    <xf numFmtId="0" fontId="64" fillId="0" borderId="0"/>
    <xf numFmtId="0" fontId="30" fillId="0" borderId="0"/>
    <xf numFmtId="0" fontId="7" fillId="0" borderId="0" applyNumberFormat="0" applyBorder="0" applyAlignment="0"/>
    <xf numFmtId="0" fontId="40" fillId="0" borderId="0" applyBorder="0">
      <alignment vertical="center"/>
    </xf>
    <xf numFmtId="0" fontId="26" fillId="0" borderId="0"/>
    <xf numFmtId="213" fontId="3" fillId="0" borderId="0"/>
    <xf numFmtId="213" fontId="1" fillId="0" borderId="0">
      <alignment vertical="center"/>
    </xf>
    <xf numFmtId="38" fontId="30" fillId="0" borderId="0">
      <alignment vertical="center"/>
      <protection hidden="1"/>
    </xf>
    <xf numFmtId="0" fontId="65" fillId="0" borderId="49" applyFill="0" applyBorder="0" applyProtection="0">
      <alignment horizontal="left"/>
    </xf>
    <xf numFmtId="230" fontId="66" fillId="0" borderId="0" applyFill="0" applyBorder="0" applyProtection="0">
      <alignment vertical="center"/>
    </xf>
    <xf numFmtId="231" fontId="65" fillId="0" borderId="0" applyFill="0" applyBorder="0" applyProtection="0">
      <alignment vertical="center"/>
    </xf>
    <xf numFmtId="232" fontId="65" fillId="0" borderId="0" applyFill="0" applyBorder="0" applyProtection="0">
      <alignment vertical="center"/>
    </xf>
    <xf numFmtId="233" fontId="65" fillId="0" borderId="0" applyFill="0" applyBorder="0" applyProtection="0">
      <alignment vertical="center"/>
    </xf>
    <xf numFmtId="0" fontId="6" fillId="0" borderId="0" applyFill="0" applyBorder="0" applyProtection="0">
      <alignment horizontal="center" vertical="center"/>
    </xf>
    <xf numFmtId="0" fontId="52" fillId="0" borderId="0" applyFill="0" applyBorder="0" applyProtection="0">
      <alignment vertical="center"/>
    </xf>
    <xf numFmtId="0" fontId="67" fillId="0" borderId="0" applyFill="0" applyBorder="0" applyProtection="0">
      <alignment vertical="center"/>
    </xf>
    <xf numFmtId="0" fontId="68" fillId="0" borderId="0" applyFill="0" applyBorder="0" applyProtection="0"/>
    <xf numFmtId="0" fontId="69" fillId="0" borderId="0" applyFill="0" applyBorder="0" applyProtection="0">
      <alignment horizontal="left"/>
    </xf>
    <xf numFmtId="0" fontId="30" fillId="0" borderId="0" applyProtection="0">
      <alignment horizontal="center"/>
    </xf>
    <xf numFmtId="0" fontId="26" fillId="0" borderId="0"/>
    <xf numFmtId="0" fontId="26" fillId="0" borderId="0"/>
    <xf numFmtId="0" fontId="26" fillId="0" borderId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66" fillId="0" borderId="0" applyBorder="0"/>
    <xf numFmtId="0" fontId="46" fillId="0" borderId="0"/>
    <xf numFmtId="0" fontId="27" fillId="0" borderId="0"/>
    <xf numFmtId="0" fontId="46" fillId="0" borderId="0"/>
    <xf numFmtId="0" fontId="27" fillId="0" borderId="0"/>
    <xf numFmtId="0" fontId="46" fillId="0" borderId="0"/>
    <xf numFmtId="0" fontId="27" fillId="0" borderId="0"/>
    <xf numFmtId="0" fontId="46" fillId="0" borderId="0"/>
    <xf numFmtId="0" fontId="27" fillId="0" borderId="0"/>
    <xf numFmtId="0" fontId="46" fillId="0" borderId="0"/>
    <xf numFmtId="0" fontId="27" fillId="0" borderId="0"/>
    <xf numFmtId="0" fontId="46" fillId="0" borderId="0"/>
    <xf numFmtId="0" fontId="27" fillId="0" borderId="0"/>
    <xf numFmtId="0" fontId="46" fillId="0" borderId="0"/>
    <xf numFmtId="0" fontId="27" fillId="0" borderId="0"/>
    <xf numFmtId="0" fontId="46" fillId="0" borderId="0"/>
    <xf numFmtId="0" fontId="27" fillId="0" borderId="0"/>
    <xf numFmtId="0" fontId="62" fillId="30" borderId="0"/>
    <xf numFmtId="0" fontId="62" fillId="30" borderId="0"/>
    <xf numFmtId="0" fontId="62" fillId="30" borderId="0"/>
    <xf numFmtId="0" fontId="62" fillId="30" borderId="0"/>
    <xf numFmtId="0" fontId="62" fillId="30" borderId="0"/>
    <xf numFmtId="0" fontId="62" fillId="30" borderId="0"/>
    <xf numFmtId="0" fontId="62" fillId="30" borderId="0"/>
    <xf numFmtId="0" fontId="62" fillId="30" borderId="0"/>
    <xf numFmtId="0" fontId="42" fillId="0" borderId="19" applyNumberFormat="0" applyFill="0" applyBorder="0" applyAlignment="0" applyProtection="0">
      <alignment vertical="center"/>
    </xf>
    <xf numFmtId="38" fontId="3" fillId="0" borderId="0" applyFont="0" applyFill="0" applyBorder="0" applyAlignment="0" applyProtection="0"/>
    <xf numFmtId="38" fontId="3" fillId="0" borderId="0" applyFont="0" applyFill="0" applyBorder="0" applyAlignment="0" applyProtection="0">
      <alignment vertical="center"/>
    </xf>
    <xf numFmtId="0" fontId="30" fillId="0" borderId="0" applyNumberFormat="0" applyFill="0" applyBorder="0" applyAlignment="0" applyProtection="0"/>
    <xf numFmtId="0" fontId="70" fillId="0" borderId="0">
      <alignment wrapText="1"/>
    </xf>
    <xf numFmtId="0" fontId="40" fillId="0" borderId="0"/>
    <xf numFmtId="0" fontId="42" fillId="0" borderId="0" applyProtection="0">
      <alignment horizontal="center" textRotation="90"/>
    </xf>
    <xf numFmtId="0" fontId="42" fillId="0" borderId="0">
      <alignment horizontal="center" vertical="top" textRotation="90"/>
    </xf>
    <xf numFmtId="0" fontId="42" fillId="0" borderId="0" applyProtection="0">
      <alignment horizontal="center" vertical="center" textRotation="90"/>
    </xf>
    <xf numFmtId="0" fontId="30" fillId="0" borderId="0" applyNumberFormat="0" applyFill="0" applyBorder="0" applyAlignment="0" applyProtection="0">
      <alignment vertical="center"/>
    </xf>
    <xf numFmtId="0" fontId="30" fillId="0" borderId="0" applyNumberFormat="0" applyFill="0" applyBorder="0" applyAlignment="0" applyProtection="0">
      <alignment vertical="center"/>
    </xf>
    <xf numFmtId="0" fontId="30" fillId="0" borderId="0" applyNumberFormat="0" applyFill="0" applyBorder="0" applyAlignment="0" applyProtection="0">
      <alignment horizontal="left"/>
    </xf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7" fillId="0" borderId="0"/>
    <xf numFmtId="0" fontId="3" fillId="0" borderId="58" applyNumberFormat="0" applyBorder="0"/>
    <xf numFmtId="0" fontId="71" fillId="0" borderId="0">
      <alignment vertical="center"/>
    </xf>
    <xf numFmtId="234" fontId="11" fillId="0" borderId="0" applyFont="0" applyFill="0" applyBorder="0" applyAlignment="0" applyProtection="0"/>
    <xf numFmtId="235" fontId="11" fillId="0" borderId="0" applyFont="0" applyFill="0" applyBorder="0" applyAlignment="0" applyProtection="0"/>
    <xf numFmtId="38" fontId="30" fillId="0" borderId="0" applyFont="0" applyFill="0" applyBorder="0" applyAlignment="0" applyProtection="0"/>
    <xf numFmtId="8" fontId="3" fillId="0" borderId="0" applyFont="0" applyFill="0" applyBorder="0" applyAlignment="0" applyProtection="0"/>
    <xf numFmtId="6" fontId="3" fillId="0" borderId="0" applyFont="0" applyFill="0" applyBorder="0" applyAlignment="0" applyProtection="0"/>
    <xf numFmtId="38" fontId="8" fillId="0" borderId="0" applyFont="0" applyFill="0" applyBorder="0" applyAlignment="0" applyProtection="0">
      <alignment vertical="center"/>
    </xf>
    <xf numFmtId="38" fontId="8" fillId="0" borderId="0" applyFont="0" applyFill="0" applyBorder="0" applyAlignment="0" applyProtection="0">
      <alignment vertical="center"/>
    </xf>
  </cellStyleXfs>
  <cellXfs count="174">
    <xf numFmtId="0" fontId="0" fillId="0" borderId="0" xfId="0">
      <alignment vertical="center"/>
    </xf>
    <xf numFmtId="0" fontId="40" fillId="0" borderId="0" xfId="117" applyFont="1"/>
    <xf numFmtId="194" fontId="40" fillId="0" borderId="0" xfId="117" applyNumberFormat="1" applyFont="1"/>
    <xf numFmtId="0" fontId="40" fillId="0" borderId="0" xfId="117" applyFont="1" applyAlignment="1">
      <alignment horizontal="center"/>
    </xf>
    <xf numFmtId="38" fontId="40" fillId="0" borderId="0" xfId="98" applyFont="1"/>
    <xf numFmtId="0" fontId="40" fillId="0" borderId="37" xfId="117" applyFont="1" applyBorder="1"/>
    <xf numFmtId="0" fontId="40" fillId="0" borderId="2" xfId="117" applyFont="1" applyBorder="1"/>
    <xf numFmtId="0" fontId="40" fillId="0" borderId="39" xfId="117" applyFont="1" applyBorder="1"/>
    <xf numFmtId="0" fontId="40" fillId="0" borderId="40" xfId="117" applyFont="1" applyBorder="1" applyAlignment="1">
      <alignment horizontal="distributed" vertical="center" justifyLastLine="1"/>
    </xf>
    <xf numFmtId="0" fontId="40" fillId="0" borderId="41" xfId="117" applyFont="1" applyBorder="1" applyAlignment="1">
      <alignment horizontal="distributed" vertical="center" justifyLastLine="1"/>
    </xf>
    <xf numFmtId="0" fontId="40" fillId="0" borderId="5" xfId="117" applyFont="1" applyBorder="1" applyAlignment="1">
      <alignment horizontal="distributed" vertical="center" justifyLastLine="1"/>
    </xf>
    <xf numFmtId="38" fontId="40" fillId="0" borderId="5" xfId="98" applyFont="1" applyBorder="1" applyAlignment="1">
      <alignment horizontal="distributed" vertical="center" justifyLastLine="1"/>
    </xf>
    <xf numFmtId="0" fontId="40" fillId="0" borderId="42" xfId="117" applyFont="1" applyBorder="1"/>
    <xf numFmtId="0" fontId="7" fillId="0" borderId="28" xfId="117" applyFont="1" applyBorder="1" applyAlignment="1">
      <alignment horizontal="distributed"/>
    </xf>
    <xf numFmtId="0" fontId="7" fillId="0" borderId="19" xfId="117" applyFont="1" applyBorder="1" applyAlignment="1">
      <alignment horizontal="distributed"/>
    </xf>
    <xf numFmtId="0" fontId="7" fillId="0" borderId="19" xfId="117" applyFont="1" applyBorder="1" applyAlignment="1">
      <alignment horizontal="center"/>
    </xf>
    <xf numFmtId="38" fontId="7" fillId="0" borderId="19" xfId="98" applyFont="1" applyBorder="1"/>
    <xf numFmtId="195" fontId="7" fillId="0" borderId="19" xfId="98" applyNumberFormat="1" applyFont="1" applyBorder="1"/>
    <xf numFmtId="0" fontId="42" fillId="0" borderId="25" xfId="117" applyFont="1" applyBorder="1"/>
    <xf numFmtId="0" fontId="40" fillId="0" borderId="29" xfId="117" applyFont="1" applyBorder="1"/>
    <xf numFmtId="0" fontId="7" fillId="0" borderId="26" xfId="117" applyFont="1" applyBorder="1" applyAlignment="1">
      <alignment horizontal="distributed"/>
    </xf>
    <xf numFmtId="0" fontId="7" fillId="0" borderId="21" xfId="117" applyFont="1" applyBorder="1" applyAlignment="1">
      <alignment horizontal="distributed"/>
    </xf>
    <xf numFmtId="0" fontId="7" fillId="0" borderId="21" xfId="117" applyFont="1" applyBorder="1" applyAlignment="1">
      <alignment horizontal="center"/>
    </xf>
    <xf numFmtId="38" fontId="7" fillId="0" borderId="21" xfId="98" applyFont="1" applyBorder="1"/>
    <xf numFmtId="196" fontId="7" fillId="0" borderId="21" xfId="98" applyNumberFormat="1" applyFont="1" applyBorder="1"/>
    <xf numFmtId="38" fontId="42" fillId="0" borderId="0" xfId="117" applyNumberFormat="1" applyFont="1" applyBorder="1" applyAlignment="1">
      <alignment horizontal="center"/>
    </xf>
    <xf numFmtId="38" fontId="42" fillId="0" borderId="0" xfId="117" applyNumberFormat="1" applyFont="1" applyBorder="1" applyAlignment="1">
      <alignment horizontal="left"/>
    </xf>
    <xf numFmtId="10" fontId="42" fillId="0" borderId="0" xfId="89" applyNumberFormat="1" applyFont="1" applyBorder="1" applyAlignment="1">
      <alignment horizontal="left"/>
    </xf>
    <xf numFmtId="0" fontId="40" fillId="0" borderId="30" xfId="117" applyFont="1" applyBorder="1"/>
    <xf numFmtId="0" fontId="7" fillId="0" borderId="17" xfId="117" applyFont="1" applyBorder="1" applyAlignment="1">
      <alignment horizontal="distributed"/>
    </xf>
    <xf numFmtId="0" fontId="7" fillId="0" borderId="23" xfId="117" applyFont="1" applyBorder="1" applyAlignment="1">
      <alignment horizontal="distributed"/>
    </xf>
    <xf numFmtId="0" fontId="7" fillId="0" borderId="23" xfId="117" applyFont="1" applyBorder="1" applyAlignment="1">
      <alignment horizontal="center"/>
    </xf>
    <xf numFmtId="38" fontId="7" fillId="0" borderId="23" xfId="98" applyFont="1" applyBorder="1"/>
    <xf numFmtId="10" fontId="42" fillId="0" borderId="16" xfId="89" applyNumberFormat="1" applyFont="1" applyBorder="1" applyAlignment="1">
      <alignment horizontal="left"/>
    </xf>
    <xf numFmtId="0" fontId="40" fillId="0" borderId="32" xfId="117" applyFont="1" applyBorder="1"/>
    <xf numFmtId="38" fontId="43" fillId="0" borderId="24" xfId="98" applyFont="1" applyBorder="1"/>
    <xf numFmtId="0" fontId="7" fillId="0" borderId="26" xfId="117" applyFont="1" applyBorder="1" applyAlignment="1">
      <alignment horizontal="left"/>
    </xf>
    <xf numFmtId="38" fontId="42" fillId="0" borderId="27" xfId="98" applyFont="1" applyBorder="1"/>
    <xf numFmtId="38" fontId="42" fillId="0" borderId="25" xfId="98" applyFont="1" applyBorder="1"/>
    <xf numFmtId="0" fontId="7" fillId="0" borderId="23" xfId="117" applyFont="1" applyBorder="1" applyAlignment="1">
      <alignment horizontal="left"/>
    </xf>
    <xf numFmtId="194" fontId="7" fillId="0" borderId="23" xfId="98" applyNumberFormat="1" applyFont="1" applyBorder="1"/>
    <xf numFmtId="194" fontId="7" fillId="0" borderId="21" xfId="98" applyNumberFormat="1" applyFont="1" applyBorder="1"/>
    <xf numFmtId="38" fontId="44" fillId="0" borderId="0" xfId="98" applyFont="1" applyBorder="1" applyAlignment="1">
      <alignment horizontal="center"/>
    </xf>
    <xf numFmtId="0" fontId="7" fillId="0" borderId="17" xfId="117" applyFont="1" applyBorder="1" applyAlignment="1">
      <alignment horizontal="left"/>
    </xf>
    <xf numFmtId="201" fontId="42" fillId="0" borderId="15" xfId="98" applyNumberFormat="1" applyFont="1" applyBorder="1" applyAlignment="1">
      <alignment horizontal="right"/>
    </xf>
    <xf numFmtId="0" fontId="42" fillId="0" borderId="16" xfId="117" applyFont="1" applyBorder="1"/>
    <xf numFmtId="0" fontId="42" fillId="0" borderId="0" xfId="117" applyFont="1" applyBorder="1"/>
    <xf numFmtId="38" fontId="44" fillId="0" borderId="24" xfId="98" applyFont="1" applyBorder="1" applyAlignment="1">
      <alignment horizontal="right"/>
    </xf>
    <xf numFmtId="0" fontId="44" fillId="0" borderId="0" xfId="117" applyFont="1" applyBorder="1" applyAlignment="1">
      <alignment horizontal="center"/>
    </xf>
    <xf numFmtId="201" fontId="42" fillId="0" borderId="16" xfId="98" applyNumberFormat="1" applyFont="1" applyBorder="1" applyAlignment="1">
      <alignment horizontal="center"/>
    </xf>
    <xf numFmtId="194" fontId="42" fillId="0" borderId="16" xfId="117" applyNumberFormat="1" applyFont="1" applyBorder="1" applyAlignment="1">
      <alignment horizontal="center"/>
    </xf>
    <xf numFmtId="0" fontId="26" fillId="0" borderId="19" xfId="117" applyFont="1" applyBorder="1" applyAlignment="1">
      <alignment horizontal="distributed"/>
    </xf>
    <xf numFmtId="38" fontId="7" fillId="0" borderId="19" xfId="98" applyFont="1" applyBorder="1" applyAlignment="1">
      <alignment horizontal="right"/>
    </xf>
    <xf numFmtId="38" fontId="44" fillId="0" borderId="27" xfId="98" applyFont="1" applyBorder="1" applyAlignment="1">
      <alignment horizontal="left"/>
    </xf>
    <xf numFmtId="38" fontId="7" fillId="0" borderId="21" xfId="98" quotePrefix="1" applyFont="1" applyBorder="1" applyAlignment="1">
      <alignment horizontal="right"/>
    </xf>
    <xf numFmtId="38" fontId="45" fillId="0" borderId="24" xfId="98" applyFont="1" applyBorder="1" applyAlignment="1">
      <alignment horizontal="center"/>
    </xf>
    <xf numFmtId="38" fontId="43" fillId="0" borderId="0" xfId="98" applyFont="1" applyBorder="1" applyAlignment="1">
      <alignment horizontal="right"/>
    </xf>
    <xf numFmtId="0" fontId="43" fillId="0" borderId="0" xfId="117" applyFont="1" applyBorder="1"/>
    <xf numFmtId="195" fontId="7" fillId="0" borderId="21" xfId="98" applyNumberFormat="1" applyFont="1" applyBorder="1"/>
    <xf numFmtId="176" fontId="42" fillId="0" borderId="15" xfId="89" applyNumberFormat="1" applyFont="1" applyBorder="1" applyAlignment="1">
      <alignment horizontal="center"/>
    </xf>
    <xf numFmtId="204" fontId="42" fillId="0" borderId="16" xfId="98" applyNumberFormat="1" applyFont="1" applyBorder="1" applyAlignment="1">
      <alignment horizontal="center"/>
    </xf>
    <xf numFmtId="0" fontId="26" fillId="0" borderId="28" xfId="117" applyFont="1" applyBorder="1" applyAlignment="1">
      <alignment horizontal="distributed"/>
    </xf>
    <xf numFmtId="0" fontId="7" fillId="0" borderId="28" xfId="117" applyFont="1" applyBorder="1" applyAlignment="1">
      <alignment horizontal="left"/>
    </xf>
    <xf numFmtId="0" fontId="7" fillId="0" borderId="21" xfId="117" applyFont="1" applyBorder="1" applyAlignment="1">
      <alignment horizontal="left"/>
    </xf>
    <xf numFmtId="176" fontId="42" fillId="0" borderId="24" xfId="89" applyNumberFormat="1" applyFont="1" applyBorder="1" applyAlignment="1">
      <alignment horizontal="center"/>
    </xf>
    <xf numFmtId="204" fontId="42" fillId="0" borderId="0" xfId="98" applyNumberFormat="1" applyFont="1" applyBorder="1" applyAlignment="1">
      <alignment horizontal="center"/>
    </xf>
    <xf numFmtId="0" fontId="7" fillId="0" borderId="19" xfId="117" applyFont="1" applyBorder="1" applyAlignment="1">
      <alignment horizontal="left"/>
    </xf>
    <xf numFmtId="176" fontId="42" fillId="0" borderId="27" xfId="89" applyNumberFormat="1" applyFont="1" applyBorder="1" applyAlignment="1">
      <alignment horizontal="center"/>
    </xf>
    <xf numFmtId="204" fontId="42" fillId="0" borderId="25" xfId="98" applyNumberFormat="1" applyFont="1" applyBorder="1" applyAlignment="1">
      <alignment horizontal="center"/>
    </xf>
    <xf numFmtId="205" fontId="7" fillId="0" borderId="23" xfId="98" applyNumberFormat="1" applyFont="1" applyBorder="1"/>
    <xf numFmtId="0" fontId="44" fillId="0" borderId="30" xfId="117" applyFont="1" applyBorder="1" applyAlignment="1">
      <alignment horizontal="center"/>
    </xf>
    <xf numFmtId="206" fontId="42" fillId="0" borderId="16" xfId="117" applyNumberFormat="1" applyFont="1" applyBorder="1" applyAlignment="1">
      <alignment horizontal="center"/>
    </xf>
    <xf numFmtId="205" fontId="42" fillId="0" borderId="32" xfId="117" applyNumberFormat="1" applyFont="1" applyBorder="1"/>
    <xf numFmtId="38" fontId="42" fillId="0" borderId="25" xfId="117" applyNumberFormat="1" applyFont="1" applyBorder="1" applyAlignment="1">
      <alignment horizontal="left"/>
    </xf>
    <xf numFmtId="38" fontId="43" fillId="0" borderId="24" xfId="98" applyFont="1" applyBorder="1" applyAlignment="1">
      <alignment horizontal="left"/>
    </xf>
    <xf numFmtId="38" fontId="42" fillId="0" borderId="0" xfId="98" applyFont="1" applyBorder="1"/>
    <xf numFmtId="0" fontId="26" fillId="0" borderId="23" xfId="117" applyFont="1" applyBorder="1" applyAlignment="1">
      <alignment horizontal="distributed"/>
    </xf>
    <xf numFmtId="38" fontId="42" fillId="0" borderId="15" xfId="98" quotePrefix="1" applyFont="1" applyBorder="1" applyAlignment="1">
      <alignment horizontal="right"/>
    </xf>
    <xf numFmtId="38" fontId="44" fillId="0" borderId="0" xfId="98" applyFont="1" applyBorder="1" applyAlignment="1">
      <alignment horizontal="right"/>
    </xf>
    <xf numFmtId="200" fontId="42" fillId="0" borderId="0" xfId="117" applyNumberFormat="1" applyFont="1" applyBorder="1" applyAlignment="1">
      <alignment horizontal="left"/>
    </xf>
    <xf numFmtId="0" fontId="7" fillId="0" borderId="34" xfId="117" applyFont="1" applyBorder="1" applyAlignment="1">
      <alignment horizontal="distributed"/>
    </xf>
    <xf numFmtId="0" fontId="7" fillId="0" borderId="44" xfId="117" applyFont="1" applyBorder="1" applyAlignment="1">
      <alignment horizontal="distributed"/>
    </xf>
    <xf numFmtId="0" fontId="7" fillId="0" borderId="44" xfId="117" applyFont="1" applyBorder="1" applyAlignment="1">
      <alignment horizontal="center"/>
    </xf>
    <xf numFmtId="38" fontId="7" fillId="0" borderId="44" xfId="98" applyFont="1" applyBorder="1"/>
    <xf numFmtId="201" fontId="42" fillId="0" borderId="35" xfId="98" applyNumberFormat="1" applyFont="1" applyBorder="1" applyAlignment="1">
      <alignment horizontal="right"/>
    </xf>
    <xf numFmtId="38" fontId="42" fillId="0" borderId="33" xfId="98" applyFont="1" applyBorder="1"/>
    <xf numFmtId="0" fontId="42" fillId="0" borderId="33" xfId="117" applyFont="1" applyBorder="1" applyAlignment="1">
      <alignment horizontal="left"/>
    </xf>
    <xf numFmtId="0" fontId="40" fillId="0" borderId="36" xfId="117" applyFont="1" applyBorder="1"/>
    <xf numFmtId="207" fontId="42" fillId="0" borderId="16" xfId="98" quotePrefix="1" applyNumberFormat="1" applyFont="1" applyBorder="1" applyAlignment="1">
      <alignment horizontal="left"/>
    </xf>
    <xf numFmtId="204" fontId="42" fillId="0" borderId="16" xfId="98" applyNumberFormat="1" applyFont="1" applyBorder="1" applyAlignment="1">
      <alignment horizontal="right"/>
    </xf>
    <xf numFmtId="194" fontId="7" fillId="0" borderId="44" xfId="98" applyNumberFormat="1" applyFont="1" applyBorder="1"/>
    <xf numFmtId="0" fontId="7" fillId="0" borderId="18" xfId="117" applyFont="1" applyBorder="1" applyAlignment="1">
      <alignment horizontal="distributed" shrinkToFit="1"/>
    </xf>
    <xf numFmtId="0" fontId="7" fillId="0" borderId="28" xfId="117" applyFont="1" applyBorder="1" applyAlignment="1">
      <alignment horizontal="distributed" shrinkToFit="1"/>
    </xf>
    <xf numFmtId="0" fontId="7" fillId="0" borderId="20" xfId="117" applyFont="1" applyBorder="1" applyAlignment="1">
      <alignment horizontal="distributed" shrinkToFit="1"/>
    </xf>
    <xf numFmtId="0" fontId="7" fillId="0" borderId="26" xfId="117" applyFont="1" applyBorder="1" applyAlignment="1">
      <alignment horizontal="distributed" shrinkToFit="1"/>
    </xf>
    <xf numFmtId="0" fontId="7" fillId="0" borderId="22" xfId="117" applyFont="1" applyBorder="1" applyAlignment="1">
      <alignment horizontal="left" shrinkToFit="1"/>
    </xf>
    <xf numFmtId="0" fontId="7" fillId="0" borderId="17" xfId="117" applyFont="1" applyBorder="1" applyAlignment="1">
      <alignment horizontal="distributed" shrinkToFit="1"/>
    </xf>
    <xf numFmtId="0" fontId="7" fillId="0" borderId="20" xfId="117" applyFont="1" applyBorder="1" applyAlignment="1">
      <alignment horizontal="left" shrinkToFit="1"/>
    </xf>
    <xf numFmtId="0" fontId="7" fillId="0" borderId="26" xfId="117" applyFont="1" applyBorder="1" applyAlignment="1">
      <alignment horizontal="left" shrinkToFit="1"/>
    </xf>
    <xf numFmtId="0" fontId="7" fillId="0" borderId="22" xfId="117" applyFont="1" applyBorder="1" applyAlignment="1">
      <alignment horizontal="distributed" shrinkToFit="1"/>
    </xf>
    <xf numFmtId="0" fontId="7" fillId="0" borderId="23" xfId="117" applyFont="1" applyBorder="1" applyAlignment="1">
      <alignment horizontal="left" shrinkToFit="1"/>
    </xf>
    <xf numFmtId="0" fontId="7" fillId="0" borderId="31" xfId="117" applyFont="1" applyBorder="1" applyAlignment="1">
      <alignment horizontal="left" shrinkToFit="1"/>
    </xf>
    <xf numFmtId="0" fontId="7" fillId="0" borderId="17" xfId="117" applyFont="1" applyBorder="1" applyAlignment="1">
      <alignment horizontal="left" shrinkToFit="1"/>
    </xf>
    <xf numFmtId="0" fontId="26" fillId="0" borderId="22" xfId="117" applyFont="1" applyBorder="1" applyAlignment="1">
      <alignment horizontal="distributed" shrinkToFit="1"/>
    </xf>
    <xf numFmtId="0" fontId="26" fillId="0" borderId="20" xfId="117" applyFont="1" applyBorder="1" applyAlignment="1">
      <alignment horizontal="distributed" shrinkToFit="1"/>
    </xf>
    <xf numFmtId="0" fontId="26" fillId="0" borderId="26" xfId="117" applyFont="1" applyBorder="1" applyAlignment="1">
      <alignment horizontal="left" shrinkToFit="1"/>
    </xf>
    <xf numFmtId="0" fontId="26" fillId="0" borderId="18" xfId="117" applyFont="1" applyBorder="1" applyAlignment="1">
      <alignment horizontal="distributed" shrinkToFit="1"/>
    </xf>
    <xf numFmtId="0" fontId="26" fillId="0" borderId="28" xfId="117" applyFont="1" applyBorder="1" applyAlignment="1">
      <alignment horizontal="distributed" shrinkToFit="1"/>
    </xf>
    <xf numFmtId="0" fontId="26" fillId="0" borderId="28" xfId="117" applyFont="1" applyBorder="1" applyAlignment="1">
      <alignment horizontal="left" shrinkToFit="1"/>
    </xf>
    <xf numFmtId="0" fontId="26" fillId="0" borderId="17" xfId="117" applyFont="1" applyBorder="1" applyAlignment="1">
      <alignment horizontal="left" shrinkToFit="1"/>
    </xf>
    <xf numFmtId="0" fontId="7" fillId="0" borderId="43" xfId="117" applyFont="1" applyBorder="1" applyAlignment="1">
      <alignment horizontal="distributed" shrinkToFit="1"/>
    </xf>
    <xf numFmtId="0" fontId="7" fillId="0" borderId="34" xfId="117" applyFont="1" applyBorder="1" applyAlignment="1">
      <alignment horizontal="distributed" shrinkToFit="1"/>
    </xf>
    <xf numFmtId="226" fontId="42" fillId="0" borderId="16" xfId="117" applyNumberFormat="1" applyFont="1" applyBorder="1" applyAlignment="1">
      <alignment horizontal="left"/>
    </xf>
    <xf numFmtId="0" fontId="26" fillId="0" borderId="20" xfId="117" applyFont="1" applyBorder="1" applyAlignment="1">
      <alignment horizontal="distributed"/>
    </xf>
    <xf numFmtId="0" fontId="26" fillId="0" borderId="26" xfId="117" applyFont="1" applyBorder="1" applyAlignment="1">
      <alignment horizontal="distributed"/>
    </xf>
    <xf numFmtId="38" fontId="42" fillId="0" borderId="56" xfId="98" applyFont="1" applyBorder="1"/>
    <xf numFmtId="0" fontId="42" fillId="0" borderId="56" xfId="117" applyFont="1" applyBorder="1"/>
    <xf numFmtId="0" fontId="26" fillId="0" borderId="20" xfId="117" applyFont="1" applyBorder="1" applyAlignment="1">
      <alignment horizontal="left"/>
    </xf>
    <xf numFmtId="0" fontId="26" fillId="0" borderId="26" xfId="117" applyFont="1" applyBorder="1" applyAlignment="1">
      <alignment horizontal="left"/>
    </xf>
    <xf numFmtId="0" fontId="26" fillId="0" borderId="18" xfId="117" applyFont="1" applyBorder="1" applyAlignment="1">
      <alignment horizontal="distributed"/>
    </xf>
    <xf numFmtId="0" fontId="26" fillId="0" borderId="57" xfId="117" applyFont="1" applyBorder="1" applyAlignment="1">
      <alignment horizontal="distributed"/>
    </xf>
    <xf numFmtId="0" fontId="7" fillId="0" borderId="57" xfId="117" applyFont="1" applyBorder="1" applyAlignment="1">
      <alignment horizontal="left"/>
    </xf>
    <xf numFmtId="227" fontId="0" fillId="0" borderId="0" xfId="0" applyNumberFormat="1">
      <alignment vertical="center"/>
    </xf>
    <xf numFmtId="0" fontId="42" fillId="0" borderId="56" xfId="117" applyFont="1" applyBorder="1" applyAlignment="1">
      <alignment horizontal="center"/>
    </xf>
    <xf numFmtId="0" fontId="40" fillId="0" borderId="0" xfId="117" applyFont="1" applyBorder="1"/>
    <xf numFmtId="197" fontId="7" fillId="0" borderId="21" xfId="215" applyNumberFormat="1" applyFont="1" applyBorder="1"/>
    <xf numFmtId="195" fontId="7" fillId="0" borderId="19" xfId="215" applyNumberFormat="1" applyFont="1" applyBorder="1"/>
    <xf numFmtId="198" fontId="7" fillId="0" borderId="21" xfId="215" applyNumberFormat="1" applyFont="1" applyBorder="1"/>
    <xf numFmtId="38" fontId="45" fillId="0" borderId="0" xfId="117" applyNumberFormat="1" applyFont="1" applyBorder="1" applyAlignment="1">
      <alignment horizontal="center"/>
    </xf>
    <xf numFmtId="10" fontId="45" fillId="0" borderId="0" xfId="89" quotePrefix="1" applyNumberFormat="1" applyFont="1" applyBorder="1" applyAlignment="1">
      <alignment horizontal="left"/>
    </xf>
    <xf numFmtId="194" fontId="7" fillId="0" borderId="23" xfId="215" applyNumberFormat="1" applyFont="1" applyBorder="1"/>
    <xf numFmtId="38" fontId="7" fillId="0" borderId="19" xfId="215" applyFont="1" applyBorder="1"/>
    <xf numFmtId="194" fontId="7" fillId="0" borderId="21" xfId="215" applyNumberFormat="1" applyFont="1" applyBorder="1"/>
    <xf numFmtId="194" fontId="7" fillId="0" borderId="19" xfId="215" applyNumberFormat="1" applyFont="1" applyBorder="1"/>
    <xf numFmtId="0" fontId="45" fillId="0" borderId="0" xfId="117" applyFont="1" applyBorder="1" applyAlignment="1">
      <alignment horizontal="center"/>
    </xf>
    <xf numFmtId="0" fontId="45" fillId="0" borderId="0" xfId="117" applyFont="1" applyBorder="1" applyAlignment="1">
      <alignment horizontal="left"/>
    </xf>
    <xf numFmtId="236" fontId="40" fillId="0" borderId="0" xfId="117" applyNumberFormat="1" applyFont="1" applyBorder="1" applyAlignment="1">
      <alignment horizontal="center"/>
    </xf>
    <xf numFmtId="0" fontId="45" fillId="0" borderId="30" xfId="117" quotePrefix="1" applyFont="1" applyBorder="1"/>
    <xf numFmtId="0" fontId="44" fillId="0" borderId="0" xfId="117" applyFont="1" applyBorder="1"/>
    <xf numFmtId="0" fontId="40" fillId="0" borderId="0" xfId="117" applyFont="1" applyBorder="1" applyAlignment="1">
      <alignment horizontal="center"/>
    </xf>
    <xf numFmtId="0" fontId="41" fillId="0" borderId="38" xfId="117" applyFont="1" applyBorder="1" applyAlignment="1">
      <alignment vertical="center" justifyLastLine="1"/>
    </xf>
    <xf numFmtId="0" fontId="42" fillId="0" borderId="38" xfId="117" applyFont="1" applyBorder="1" applyAlignment="1">
      <alignment horizontal="left"/>
    </xf>
    <xf numFmtId="38" fontId="40" fillId="0" borderId="38" xfId="215" applyFont="1" applyBorder="1" applyAlignment="1"/>
    <xf numFmtId="38" fontId="40" fillId="0" borderId="5" xfId="215" applyFont="1" applyBorder="1" applyAlignment="1">
      <alignment horizontal="distributed" vertical="center" justifyLastLine="1"/>
    </xf>
    <xf numFmtId="196" fontId="7" fillId="0" borderId="21" xfId="215" applyNumberFormat="1" applyFont="1" applyBorder="1"/>
    <xf numFmtId="197" fontId="7" fillId="0" borderId="23" xfId="215" applyNumberFormat="1" applyFont="1" applyBorder="1"/>
    <xf numFmtId="38" fontId="42" fillId="0" borderId="15" xfId="215" applyFont="1" applyBorder="1"/>
    <xf numFmtId="38" fontId="42" fillId="0" borderId="24" xfId="215" applyFont="1" applyBorder="1"/>
    <xf numFmtId="238" fontId="42" fillId="0" borderId="27" xfId="89" applyNumberFormat="1" applyFont="1" applyBorder="1"/>
    <xf numFmtId="38" fontId="42" fillId="0" borderId="56" xfId="215" applyFont="1" applyBorder="1"/>
    <xf numFmtId="38" fontId="45" fillId="0" borderId="24" xfId="215" applyFont="1" applyBorder="1" applyAlignment="1">
      <alignment horizontal="left"/>
    </xf>
    <xf numFmtId="199" fontId="42" fillId="0" borderId="15" xfId="215" applyNumberFormat="1" applyFont="1" applyBorder="1" applyAlignment="1">
      <alignment horizontal="center"/>
    </xf>
    <xf numFmtId="40" fontId="42" fillId="0" borderId="16" xfId="215" applyNumberFormat="1" applyFont="1" applyBorder="1" applyAlignment="1">
      <alignment horizontal="center"/>
    </xf>
    <xf numFmtId="239" fontId="42" fillId="0" borderId="16" xfId="117" applyNumberFormat="1" applyFont="1" applyBorder="1" applyAlignment="1">
      <alignment horizontal="center"/>
    </xf>
    <xf numFmtId="38" fontId="42" fillId="0" borderId="27" xfId="215" applyFont="1" applyBorder="1"/>
    <xf numFmtId="200" fontId="45" fillId="0" borderId="24" xfId="215" applyNumberFormat="1" applyFont="1" applyBorder="1" applyAlignment="1">
      <alignment horizontal="right"/>
    </xf>
    <xf numFmtId="38" fontId="45" fillId="0" borderId="0" xfId="215" applyFont="1" applyBorder="1" applyAlignment="1">
      <alignment horizontal="center"/>
    </xf>
    <xf numFmtId="38" fontId="45" fillId="0" borderId="0" xfId="215" applyFont="1" applyBorder="1" applyAlignment="1">
      <alignment horizontal="left"/>
    </xf>
    <xf numFmtId="201" fontId="42" fillId="0" borderId="15" xfId="215" applyNumberFormat="1" applyFont="1" applyBorder="1" applyAlignment="1">
      <alignment horizontal="right"/>
    </xf>
    <xf numFmtId="38" fontId="42" fillId="0" borderId="16" xfId="215" applyFont="1" applyBorder="1" applyAlignment="1">
      <alignment horizontal="center"/>
    </xf>
    <xf numFmtId="38" fontId="42" fillId="0" borderId="0" xfId="215" applyFont="1" applyBorder="1" applyAlignment="1">
      <alignment horizontal="center"/>
    </xf>
    <xf numFmtId="201" fontId="42" fillId="0" borderId="24" xfId="215" applyNumberFormat="1" applyFont="1" applyBorder="1" applyAlignment="1">
      <alignment horizontal="center"/>
    </xf>
    <xf numFmtId="38" fontId="45" fillId="0" borderId="24" xfId="215" applyFont="1" applyBorder="1" applyAlignment="1">
      <alignment horizontal="right"/>
    </xf>
    <xf numFmtId="201" fontId="42" fillId="0" borderId="16" xfId="215" applyNumberFormat="1" applyFont="1" applyBorder="1" applyAlignment="1">
      <alignment horizontal="center"/>
    </xf>
    <xf numFmtId="202" fontId="42" fillId="0" borderId="15" xfId="215" applyNumberFormat="1" applyFont="1" applyBorder="1" applyAlignment="1">
      <alignment horizontal="right"/>
    </xf>
    <xf numFmtId="203" fontId="42" fillId="0" borderId="16" xfId="215" applyNumberFormat="1" applyFont="1" applyBorder="1" applyAlignment="1"/>
    <xf numFmtId="237" fontId="42" fillId="0" borderId="16" xfId="117" applyNumberFormat="1" applyFont="1" applyFill="1" applyBorder="1" applyAlignment="1">
      <alignment horizontal="center"/>
    </xf>
    <xf numFmtId="0" fontId="42" fillId="0" borderId="32" xfId="117" applyFont="1" applyFill="1" applyBorder="1" applyAlignment="1">
      <alignment horizontal="center"/>
    </xf>
    <xf numFmtId="0" fontId="40" fillId="0" borderId="0" xfId="117" applyFont="1" applyBorder="1" applyAlignment="1">
      <alignment horizontal="center"/>
    </xf>
    <xf numFmtId="0" fontId="41" fillId="0" borderId="38" xfId="117" applyFont="1" applyBorder="1" applyAlignment="1">
      <alignment horizontal="center" vertical="center" justifyLastLine="1"/>
    </xf>
    <xf numFmtId="38" fontId="40" fillId="0" borderId="46" xfId="215" applyFont="1" applyBorder="1" applyAlignment="1">
      <alignment horizontal="center" vertical="center"/>
    </xf>
    <xf numFmtId="38" fontId="40" fillId="0" borderId="4" xfId="215" applyFont="1" applyBorder="1" applyAlignment="1">
      <alignment horizontal="center" vertical="center"/>
    </xf>
    <xf numFmtId="0" fontId="40" fillId="0" borderId="0" xfId="117" applyFont="1" applyBorder="1" applyAlignment="1">
      <alignment horizontal="center" vertical="center"/>
    </xf>
    <xf numFmtId="0" fontId="40" fillId="0" borderId="0" xfId="117" applyFont="1" applyBorder="1" applyAlignment="1">
      <alignment horizontal="center"/>
    </xf>
  </cellXfs>
  <cellStyles count="242">
    <cellStyle name="??" xfId="1"/>
    <cellStyle name="?? [0.00]_PERSONAL" xfId="2"/>
    <cellStyle name="???? [0.00]_PERSONAL" xfId="3"/>
    <cellStyle name="????_PERSONAL" xfId="4"/>
    <cellStyle name="??_PERSONAL" xfId="5"/>
    <cellStyle name="=C:\WINDOWS\SYSTEM32\COMMAND.COM" xfId="6"/>
    <cellStyle name="æØè [0.00]" xfId="121"/>
    <cellStyle name="ÊÝ [0.00]" xfId="122"/>
    <cellStyle name="0.000" xfId="7"/>
    <cellStyle name="121" xfId="123"/>
    <cellStyle name="20% - アクセント 1 2" xfId="8"/>
    <cellStyle name="20% - アクセント 2 2" xfId="9"/>
    <cellStyle name="20% - アクセント 3 2" xfId="10"/>
    <cellStyle name="20% - アクセント 4 2" xfId="11"/>
    <cellStyle name="20% - アクセント 5 2" xfId="12"/>
    <cellStyle name="20% - アクセント 6 2" xfId="13"/>
    <cellStyle name="40% - アクセント 1 2" xfId="14"/>
    <cellStyle name="40% - アクセント 2 2" xfId="15"/>
    <cellStyle name="40% - アクセント 3 2" xfId="16"/>
    <cellStyle name="40% - アクセント 4 2" xfId="17"/>
    <cellStyle name="40% - アクセント 5 2" xfId="18"/>
    <cellStyle name="40% - アクセント 6 2" xfId="19"/>
    <cellStyle name="60% - アクセント 1 2" xfId="20"/>
    <cellStyle name="60% - アクセント 2 2" xfId="21"/>
    <cellStyle name="60% - アクセント 3 2" xfId="22"/>
    <cellStyle name="60% - アクセント 4 2" xfId="23"/>
    <cellStyle name="60% - アクセント 5 2" xfId="24"/>
    <cellStyle name="60% - アクセント 6 2" xfId="25"/>
    <cellStyle name="A4縦" xfId="172"/>
    <cellStyle name="Arial 10" xfId="124"/>
    <cellStyle name="Arial 12" xfId="125"/>
    <cellStyle name="Arial 8" xfId="126"/>
    <cellStyle name="Calc Currency (0)" xfId="26"/>
    <cellStyle name="Calc Currency (0) 2" xfId="127"/>
    <cellStyle name="Calc Currency (0)_140424_羽津ポンプ場設計書（鋼製加工品のみとする）" xfId="128"/>
    <cellStyle name="Calc Currency (2)" xfId="27"/>
    <cellStyle name="Calc Percent (0)" xfId="28"/>
    <cellStyle name="Calc Percent (1)" xfId="29"/>
    <cellStyle name="Calc Percent (2)" xfId="30"/>
    <cellStyle name="Calc Units (0)" xfId="31"/>
    <cellStyle name="Calc Units (1)" xfId="32"/>
    <cellStyle name="Calc Units (2)" xfId="33"/>
    <cellStyle name="Comma [0]_#6 Temps &amp; Contractors" xfId="34"/>
    <cellStyle name="Comma [00]" xfId="35"/>
    <cellStyle name="Comma_#6 Temps &amp; Contractors" xfId="36"/>
    <cellStyle name="COMP定番表書式" xfId="129"/>
    <cellStyle name="Currency [0]_#6 Temps &amp; Contractors" xfId="37"/>
    <cellStyle name="Currency [00]" xfId="38"/>
    <cellStyle name="Currency_#6 Temps &amp; Contractors" xfId="39"/>
    <cellStyle name="dak" xfId="40"/>
    <cellStyle name="Date Short" xfId="41"/>
    <cellStyle name="Enter Currency (0)" xfId="42"/>
    <cellStyle name="Enter Currency (2)" xfId="43"/>
    <cellStyle name="Enter Units (0)" xfId="44"/>
    <cellStyle name="Enter Units (1)" xfId="45"/>
    <cellStyle name="Enter Units (2)" xfId="46"/>
    <cellStyle name="entry" xfId="130"/>
    <cellStyle name="Followed Hyperlink" xfId="47"/>
    <cellStyle name="Grey" xfId="48"/>
    <cellStyle name="Header1" xfId="49"/>
    <cellStyle name="Header2" xfId="50"/>
    <cellStyle name="Hyperlink" xfId="51"/>
    <cellStyle name="Input [yellow]" xfId="52"/>
    <cellStyle name="Link Currency (0)" xfId="53"/>
    <cellStyle name="Link Currency (2)" xfId="54"/>
    <cellStyle name="Link Units (0)" xfId="55"/>
    <cellStyle name="Link Units (1)" xfId="56"/>
    <cellStyle name="Link Units (2)" xfId="57"/>
    <cellStyle name="ＭＳゴシック　10" xfId="131"/>
    <cellStyle name="ＭＳゴシック 12" xfId="132"/>
    <cellStyle name="new" xfId="58"/>
    <cellStyle name="NIC-0" xfId="189"/>
    <cellStyle name="Normal - Style1" xfId="59"/>
    <cellStyle name="Normal_# 41-Market &amp;Trends" xfId="60"/>
    <cellStyle name="ParaBirimi [0]_RESULTS" xfId="61"/>
    <cellStyle name="ParaBirimi_RESULTS" xfId="62"/>
    <cellStyle name="Percent [0]" xfId="63"/>
    <cellStyle name="Percent [00]" xfId="64"/>
    <cellStyle name="Percent [2]" xfId="65"/>
    <cellStyle name="Percent_#6 Temps &amp; Contractors" xfId="66"/>
    <cellStyle name="PrePop Currency (0)" xfId="67"/>
    <cellStyle name="PrePop Currency (2)" xfId="68"/>
    <cellStyle name="PrePop Units (0)" xfId="69"/>
    <cellStyle name="PrePop Units (1)" xfId="70"/>
    <cellStyle name="PrePop Units (2)" xfId="71"/>
    <cellStyle name="price" xfId="133"/>
    <cellStyle name="PSChar" xfId="134"/>
    <cellStyle name="PSHeading" xfId="135"/>
    <cellStyle name="revised" xfId="136"/>
    <cellStyle name="sc5" xfId="137"/>
    <cellStyle name="sc7" xfId="138"/>
    <cellStyle name="section" xfId="139"/>
    <cellStyle name="Standard_COST INPUT SHEET" xfId="140"/>
    <cellStyle name="STYL0" xfId="190"/>
    <cellStyle name="STYL0 - ｽﾀｲﾙ1" xfId="191"/>
    <cellStyle name="STYL1" xfId="192"/>
    <cellStyle name="STYL1 - ｽﾀｲﾙ2" xfId="193"/>
    <cellStyle name="STYL2" xfId="194"/>
    <cellStyle name="STYL2 - ｽﾀｲﾙ3" xfId="195"/>
    <cellStyle name="STYL3" xfId="196"/>
    <cellStyle name="STYL3 - ｽﾀｲﾙ4" xfId="197"/>
    <cellStyle name="STYL4" xfId="198"/>
    <cellStyle name="STYL4 - ｽﾀｲﾙ5" xfId="199"/>
    <cellStyle name="STYL5" xfId="200"/>
    <cellStyle name="STYL5 - ｽﾀｲﾙ6" xfId="201"/>
    <cellStyle name="STYL6" xfId="202"/>
    <cellStyle name="STYL6 - ｽﾀｲﾙ7" xfId="203"/>
    <cellStyle name="STYL7" xfId="204"/>
    <cellStyle name="STYL7 - ｽﾀｲﾙ8" xfId="205"/>
    <cellStyle name="StyleName1" xfId="206"/>
    <cellStyle name="StyleName2" xfId="207"/>
    <cellStyle name="StyleName3" xfId="208"/>
    <cellStyle name="StyleName4" xfId="209"/>
    <cellStyle name="StyleName5" xfId="210"/>
    <cellStyle name="StyleName6" xfId="211"/>
    <cellStyle name="StyleName7" xfId="212"/>
    <cellStyle name="StyleName8" xfId="213"/>
    <cellStyle name="subhead" xfId="72"/>
    <cellStyle name="Text Indent A" xfId="73"/>
    <cellStyle name="Text Indent B" xfId="74"/>
    <cellStyle name="Text Indent C" xfId="75"/>
    <cellStyle name="title" xfId="141"/>
    <cellStyle name="TSUIKA" xfId="214"/>
    <cellStyle name="Virg・ [0]_RESULTS" xfId="76"/>
    <cellStyle name="Virg・_RESULTS" xfId="77"/>
    <cellStyle name="アクセント 1 2" xfId="78"/>
    <cellStyle name="アクセント 2 2" xfId="79"/>
    <cellStyle name="アクセント 3 2" xfId="80"/>
    <cellStyle name="アクセント 4 2" xfId="81"/>
    <cellStyle name="アクセント 5 2" xfId="82"/>
    <cellStyle name="アクセント 6 2" xfId="83"/>
    <cellStyle name="タイトル 2" xfId="84"/>
    <cellStyle name="チェック セル 2" xfId="85"/>
    <cellStyle name="どちらでもない 2" xfId="86"/>
    <cellStyle name="ﾄ褊褂燾・[0]_PERSONAL" xfId="87"/>
    <cellStyle name="ﾄ褊褂燾饑PERSONAL" xfId="88"/>
    <cellStyle name="パーセント 2" xfId="89"/>
    <cellStyle name="ﾌｫﾝﾄ変更" xfId="142"/>
    <cellStyle name="ﾎ磊隆_PERSONAL" xfId="90"/>
    <cellStyle name="メモ 2" xfId="91"/>
    <cellStyle name="ﾔ竟瑙糺・[0]_PERSONAL" xfId="92"/>
    <cellStyle name="ﾔ竟瑙糺饑PERSONAL" xfId="93"/>
    <cellStyle name="リンク" xfId="143"/>
    <cellStyle name="リンク セル 2" xfId="94"/>
    <cellStyle name="悪い 2" xfId="95"/>
    <cellStyle name="位置" xfId="173"/>
    <cellStyle name="下段_0" xfId="144"/>
    <cellStyle name="会社名" xfId="145"/>
    <cellStyle name="強調" xfId="146"/>
    <cellStyle name="金額" xfId="147"/>
    <cellStyle name="計算 2" xfId="96"/>
    <cellStyle name="警告文 2" xfId="97"/>
    <cellStyle name="桁蟻唇Ｆ [0.00]_laroux" xfId="235"/>
    <cellStyle name="桁蟻唇Ｆ_laroux" xfId="236"/>
    <cellStyle name="桁区切り [0.0]" xfId="148"/>
    <cellStyle name="桁区切り 2" xfId="98"/>
    <cellStyle name="桁区切り 2 2" xfId="149"/>
    <cellStyle name="桁区切り 2 2 2" xfId="215"/>
    <cellStyle name="桁区切り 2 3" xfId="237"/>
    <cellStyle name="桁区切り 3" xfId="150"/>
    <cellStyle name="桁区切り 3 2" xfId="216"/>
    <cellStyle name="桁区切り 4" xfId="188"/>
    <cellStyle name="桁区切り 4 2" xfId="240"/>
    <cellStyle name="桁区切り 4 2 2" xfId="241"/>
    <cellStyle name="桁区切り（０なし）" xfId="151"/>
    <cellStyle name="桁区切り0" xfId="99"/>
    <cellStyle name="桁区切り1" xfId="100"/>
    <cellStyle name="桁区切り2" xfId="101"/>
    <cellStyle name="見出し 1 2" xfId="102"/>
    <cellStyle name="見出し 2 2" xfId="103"/>
    <cellStyle name="見出し 3 2" xfId="104"/>
    <cellStyle name="見出し 4 2" xfId="105"/>
    <cellStyle name="見積桁区切り" xfId="152"/>
    <cellStyle name="見積-桁区切り" xfId="153"/>
    <cellStyle name="見積-通貨記号" xfId="154"/>
    <cellStyle name="工期算定表" xfId="155"/>
    <cellStyle name="工程表_書式" xfId="217"/>
    <cellStyle name="細明朝　9" xfId="218"/>
    <cellStyle name="細明朝12" xfId="219"/>
    <cellStyle name="集計 2" xfId="106"/>
    <cellStyle name="縦下" xfId="220"/>
    <cellStyle name="縦上" xfId="221"/>
    <cellStyle name="縦中央" xfId="222"/>
    <cellStyle name="出力 2" xfId="107"/>
    <cellStyle name="小数点０位 [0]" xfId="174"/>
    <cellStyle name="小数点１位 [0.0]" xfId="175"/>
    <cellStyle name="小数点２位 [0.00]" xfId="176"/>
    <cellStyle name="小数点３位 [0.000]" xfId="177"/>
    <cellStyle name="小表題" xfId="178"/>
    <cellStyle name="上の原" xfId="108"/>
    <cellStyle name="上段_0" xfId="156"/>
    <cellStyle name="数量" xfId="157"/>
    <cellStyle name="数量計算" xfId="158"/>
    <cellStyle name="積算" xfId="159"/>
    <cellStyle name="説明文 2" xfId="109"/>
    <cellStyle name="損料_書式" xfId="223"/>
    <cellStyle name="代価表_書式" xfId="224"/>
    <cellStyle name="大表題(12)" xfId="179"/>
    <cellStyle name="大表題(14)" xfId="180"/>
    <cellStyle name="大表題(16)" xfId="181"/>
    <cellStyle name="大表題(20)" xfId="182"/>
    <cellStyle name="脱浦 [0.00]_laroux" xfId="238"/>
    <cellStyle name="脱浦_laroux" xfId="239"/>
    <cellStyle name="帳票" xfId="160"/>
    <cellStyle name="通浦 [0.00]_laroux" xfId="110"/>
    <cellStyle name="通浦_laroux" xfId="111"/>
    <cellStyle name="通貨 2" xfId="161"/>
    <cellStyle name="日進量_書式" xfId="225"/>
    <cellStyle name="入力 2" xfId="112"/>
    <cellStyle name="年号" xfId="113"/>
    <cellStyle name="破線" xfId="162"/>
    <cellStyle name="非表示" xfId="114"/>
    <cellStyle name="標準" xfId="0" builtinId="0"/>
    <cellStyle name="標準 10" xfId="226"/>
    <cellStyle name="標準 11" xfId="227"/>
    <cellStyle name="標準 12" xfId="228"/>
    <cellStyle name="標準 2" xfId="115"/>
    <cellStyle name="標準 2 2" xfId="163"/>
    <cellStyle name="標準 2 2 2" xfId="183"/>
    <cellStyle name="標準 2 3" xfId="170"/>
    <cellStyle name="標準 2_西笹川中武道場機械内訳書" xfId="164"/>
    <cellStyle name="標準 3" xfId="116"/>
    <cellStyle name="標準 4" xfId="171"/>
    <cellStyle name="標準 4 2" xfId="184"/>
    <cellStyle name="標準 4 3" xfId="234"/>
    <cellStyle name="標準 5" xfId="185"/>
    <cellStyle name="標準 5 2" xfId="187"/>
    <cellStyle name="標準 6" xfId="186"/>
    <cellStyle name="標準 7" xfId="229"/>
    <cellStyle name="標準 8" xfId="230"/>
    <cellStyle name="標準 9" xfId="231"/>
    <cellStyle name="標準、罫線" xfId="232"/>
    <cellStyle name="標準_総括" xfId="117"/>
    <cellStyle name="標準２" xfId="165"/>
    <cellStyle name="標準A" xfId="166"/>
    <cellStyle name="標準Ａ" xfId="118"/>
    <cellStyle name="標準戻し" xfId="167"/>
    <cellStyle name="表１" xfId="233"/>
    <cellStyle name="表紙" xfId="168"/>
    <cellStyle name="別紙明細" xfId="169"/>
    <cellStyle name="未定義" xfId="119"/>
    <cellStyle name="良い 2" xfId="120"/>
  </cellStyles>
  <dxfs count="0"/>
  <tableStyles count="0" defaultTableStyle="TableStyleMedium2" defaultPivotStyle="PivotStyleLight16"/>
  <colors>
    <mruColors>
      <color rgb="FF0099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9" Type="http://schemas.openxmlformats.org/officeDocument/2006/relationships/externalLink" Target="externalLinks/externalLink28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87" Type="http://schemas.openxmlformats.org/officeDocument/2006/relationships/externalLink" Target="externalLinks/externalLink86.xml"/><Relationship Id="rId102" Type="http://schemas.openxmlformats.org/officeDocument/2006/relationships/externalLink" Target="externalLinks/externalLink101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105" Type="http://schemas.openxmlformats.org/officeDocument/2006/relationships/sharedStrings" Target="sharedStrings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theme" Target="theme/theme1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AB9C9F5\&#35519;&#26360;&#9314;&#12304;&#21029;&#34920;&#65300;&#12539;&#33258;&#24049;&#36039;&#37329;&#65298;&#31623;&#25152;&#12414;&#12391;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19977;&#21644;&#65297;&#65297;&#24180;&#24230;\&#21512;&#20341;&#65298;&#24037;&#21306;&#35373;&#35336;&#2636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ak\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&#19979;&#27700;&#26045;&#35373;&#35506;\&#19979;&#27700;&#26045;&#35373;&#35506;\&#26441;&#23665;\01%20&#19979;&#27700;&#26045;&#35373;&#20418;&#38306;&#20418;&#25991;&#26360;\H29\&#65300;&#26465;&#65320;27&#26045;&#35373;&#35506;&#25285;&#24403;&#21106;&#65288;H27.4)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3&#35373;&#35336;&#31532;1g\H47101800&#30333;&#23665;&#24066;&#32654;&#24029;&#37197;&#27700;&#27744;\23&#35373;&#35336;&#26360;&#12539;&#20195;&#20385;&#34920;\&#32654;&#24029;&#37197;&#27700;&#27744;&#25913;&#33391;&#24037;&#20107;\&#26032;&#12375;&#12356;&#12501;&#12457;&#12523;&#12480;\&#30333;&#23665;&#24066;\&#24037;&#20107;&#20385;&#26684;&#35336;&#31639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&#12524;&#12483;&#12484;&#12494;&#12540;&#12488;&#65315;&#12489;&#12521;&#12452;&#12502;\&#27744;&#30000;\&#27738;&#27877;\&#65396;&#65400;&#65406;&#65433;311\Fukumain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&#65411;&#65438;&#65405;&#65400;&#65412;&#65391;&#65420;&#65439;\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86386D0\13-1&#65288;&#21029;&#34920;&#31532;&#65300;&#65289;&#26481;&#28023;&#36947;&#32218;&#20057;&#39640;&#24107;&#36947;&#27211;&#12426;&#12423;&#12358;&#25913;&#33391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Fukumain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G&#20849;&#36890;\&#35373;&#35336;&#36039;&#26009;\EXCEL\&#20013;&#20027;\&#24037;&#31243;&#31561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36795;\DATA%20DRIVE\&#29289;&#20214;&#12487;&#12540;&#12479;\&#20316;&#26989;&#20013;\&#39640;&#37326;&#21475;&#30010;\&#26481;&#37096;&#36865;&#27700;&#31649;&#24067;&#35373;&#24037;&#20107;\&#35373;&#35336;&#26360;\&#39640;&#37326;&#21475;&#35373;&#35336;&#26360;1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&#23567;&#26494;&#24066;\&#25552;&#20986;&#29992;\&#21335;&#37096;&#65328;&#65331;\&#21335;&#37096;&#35373;&#35336;&#26360;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&#19979;&#27700;&#26045;&#35373;&#35506;\&#19979;&#27700;&#26045;&#35373;&#35506;\&#26441;&#23665;\01%20&#19979;&#27700;&#26045;&#35373;&#20418;&#38306;&#20418;&#25991;&#26360;\H29\4&#26465;\&#39640;&#23822;&#12373;&#12435;\07.01&#24314;&#35373;1&#20418;&#12539;%20&#65320;27&#27010;&#31639;&#35201;&#26395;&#29992;&#12288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kst001\$&#26045;&#35373;&#35506;$\&#19979;&#27700;&#26045;&#35373;&#35506;\&#19979;&#27700;&#26045;&#35373;&#35506;\&#26441;&#23665;\&#65298;&#65297;&#24180;&#24230;\&#33538;&#31119;&#22320;&#19979;&#37325;&#27833;&#12479;&#12531;&#12463;&#26356;&#26032;\&#35373;&#35336;&#26360;\21&#24180;&#24230;&#35373;&#35336;&#26360;&#65288;&#26032;&#35373;&#65289;&#37329;&#20837;&#12426;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&#23567;&#26494;&#24066;\&#25552;&#20986;&#29992;\&#21335;&#37096;&#65328;&#65331;\&#21069;&#24029;&#24037;&#20107;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00_kan\project\dataH11\&#30693;&#22810;\11.01\&#30693;&#22810;&#25968;&#37327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kst011\$&#26045;&#35373;&#35506;$\&#65320;&#65305;&#26360;&#39006;\&#31309;&#31639;\&#39321;&#20303;&#21271;&#29305;&#20462;&#31309;&#31639;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</sheetNames>
    <sheetDataSet>
      <sheetData sheetId="0"/>
      <sheetData sheetId="1" refreshError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設計書表紙"/>
      <sheetName val="本工事内訳表合併"/>
      <sheetName val="率計算"/>
      <sheetName val="本工事費内訳書補助"/>
      <sheetName val="本工事費内訳書単独"/>
      <sheetName val="Ａ代価 (補)"/>
      <sheetName val="Ｂ代価 (補)"/>
      <sheetName val="Ｃ代価  (補)"/>
      <sheetName val="Ａ代価 (単)"/>
      <sheetName val="Ｂ代価  (単)"/>
      <sheetName val="Ｃ代価  (単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複１"/>
      <sheetName val="１号池"/>
      <sheetName val="電灯設備"/>
      <sheetName val="電話設備"/>
      <sheetName val="屋外灯"/>
      <sheetName val="２号池"/>
      <sheetName val="電灯設備(2)"/>
      <sheetName val="電話設備 (2)"/>
      <sheetName val="単価比較表"/>
      <sheetName val="見積比較表"/>
      <sheetName val="複２"/>
      <sheetName val="複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公共（補助）A +C+公共（単独） (H27年要望4"/>
      <sheetName val="公共（補助）A +C+公共（単独） (H27年要望 (3-1)"/>
      <sheetName val="入力データ(H27用シート連動）"/>
      <sheetName val="ブランクSheet1"/>
    </sheetNames>
    <sheetDataSet>
      <sheetData sheetId="0"/>
      <sheetData sheetId="1"/>
      <sheetData sheetId="2">
        <row r="1">
          <cell r="W1" t="str">
            <v>節</v>
          </cell>
          <cell r="AC1" t="str">
            <v>全体設計年度</v>
          </cell>
          <cell r="AI1" t="str">
            <v>各種事業計画名</v>
          </cell>
        </row>
        <row r="3">
          <cell r="A3" t="str">
            <v>処理場</v>
          </cell>
          <cell r="B3" t="str">
            <v>補助</v>
          </cell>
          <cell r="C3" t="str">
            <v>三重県</v>
          </cell>
          <cell r="D3" t="str">
            <v>四日市市</v>
          </cell>
          <cell r="E3" t="str">
            <v>公共</v>
          </cell>
          <cell r="G3" t="str">
            <v>A1</v>
          </cell>
          <cell r="H3">
            <v>1</v>
          </cell>
          <cell r="K3" t="str">
            <v>社資</v>
          </cell>
          <cell r="L3" t="str">
            <v>経営企画課</v>
          </cell>
          <cell r="M3" t="str">
            <v>富田処理分区</v>
          </cell>
          <cell r="S3" t="str">
            <v>汚水</v>
          </cell>
          <cell r="T3" t="str">
            <v>未普及解消</v>
          </cell>
          <cell r="U3" t="str">
            <v>管渠</v>
          </cell>
          <cell r="V3" t="str">
            <v>管渠布設費</v>
          </cell>
          <cell r="W3" t="str">
            <v>委託費</v>
          </cell>
          <cell r="AC3" t="str">
            <v>全体設計　H23-H24</v>
          </cell>
          <cell r="AE3">
            <v>0.5</v>
          </cell>
          <cell r="AI3" t="str">
            <v>H23年度総合地震対策</v>
          </cell>
          <cell r="AK3" t="str">
            <v>新規</v>
          </cell>
          <cell r="AN3" t="str">
            <v>汚水普及促進</v>
          </cell>
        </row>
        <row r="4">
          <cell r="A4" t="str">
            <v>汚水管渠</v>
          </cell>
          <cell r="B4" t="str">
            <v>補助(特環)</v>
          </cell>
          <cell r="E4" t="str">
            <v>都下</v>
          </cell>
          <cell r="G4" t="str">
            <v>A2</v>
          </cell>
          <cell r="H4">
            <v>2</v>
          </cell>
          <cell r="K4" t="str">
            <v>防災</v>
          </cell>
          <cell r="L4" t="str">
            <v>施設課</v>
          </cell>
          <cell r="M4" t="str">
            <v>茂福処理分区</v>
          </cell>
          <cell r="S4" t="str">
            <v>雨水</v>
          </cell>
          <cell r="T4" t="str">
            <v>浸水対策</v>
          </cell>
          <cell r="U4" t="str">
            <v>ポンプ場</v>
          </cell>
          <cell r="V4" t="str">
            <v>ポンプ場築造費</v>
          </cell>
          <cell r="W4" t="str">
            <v>工事費</v>
          </cell>
          <cell r="AC4" t="str">
            <v>全体設計　H23-H25</v>
          </cell>
          <cell r="AE4">
            <v>0.55000000000000004</v>
          </cell>
          <cell r="AI4" t="str">
            <v>H19年度日永ｔｃ建設計画</v>
          </cell>
          <cell r="AK4" t="str">
            <v>継続</v>
          </cell>
          <cell r="AN4" t="str">
            <v>浸水対策事業</v>
          </cell>
        </row>
        <row r="5">
          <cell r="E5" t="str">
            <v>一般</v>
          </cell>
          <cell r="G5" t="str">
            <v>A3</v>
          </cell>
          <cell r="H5">
            <v>3</v>
          </cell>
          <cell r="L5" t="str">
            <v>建設第1係</v>
          </cell>
          <cell r="M5" t="str">
            <v>朝明南処理分区</v>
          </cell>
          <cell r="S5" t="str">
            <v>合流</v>
          </cell>
          <cell r="T5" t="str">
            <v>地震対策</v>
          </cell>
          <cell r="U5" t="str">
            <v>処理場</v>
          </cell>
          <cell r="V5" t="str">
            <v>処理場築造費</v>
          </cell>
          <cell r="W5" t="str">
            <v>補償費</v>
          </cell>
          <cell r="AE5">
            <v>0</v>
          </cell>
          <cell r="AI5" t="str">
            <v>H25年度長寿命化計画</v>
          </cell>
          <cell r="AN5" t="str">
            <v>その他</v>
          </cell>
        </row>
        <row r="6">
          <cell r="A6" t="str">
            <v>雨水ポンプ場</v>
          </cell>
          <cell r="B6" t="str">
            <v>単独</v>
          </cell>
          <cell r="G6" t="str">
            <v>A4</v>
          </cell>
          <cell r="H6">
            <v>4</v>
          </cell>
          <cell r="L6" t="str">
            <v>建設第2係</v>
          </cell>
          <cell r="M6" t="str">
            <v>阿倉川処理分区</v>
          </cell>
          <cell r="T6" t="str">
            <v>水質保全</v>
          </cell>
          <cell r="W6" t="str">
            <v>用地費</v>
          </cell>
          <cell r="AC6" t="str">
            <v>全体設計　H24-H25</v>
          </cell>
          <cell r="AN6" t="str">
            <v>改築更新（長寿命化以外）</v>
          </cell>
        </row>
        <row r="7">
          <cell r="A7" t="str">
            <v>雨水管渠</v>
          </cell>
          <cell r="B7" t="str">
            <v>単独（特環）</v>
          </cell>
          <cell r="H7">
            <v>5</v>
          </cell>
          <cell r="L7" t="str">
            <v>建設第3係</v>
          </cell>
          <cell r="M7" t="str">
            <v>山城処理分区</v>
          </cell>
          <cell r="T7" t="str">
            <v>資源循環</v>
          </cell>
          <cell r="U7" t="str">
            <v>管渠・ポンプ場</v>
          </cell>
          <cell r="V7" t="str">
            <v>固定資産購入費</v>
          </cell>
          <cell r="W7" t="str">
            <v>負担金</v>
          </cell>
          <cell r="AC7" t="str">
            <v>全体設計　H24-H26</v>
          </cell>
          <cell r="AE7">
            <v>0.4</v>
          </cell>
          <cell r="AI7" t="str">
            <v>長寿命化計画（ポンプ場）</v>
          </cell>
          <cell r="AN7" t="str">
            <v>改築更新（地震対策緊急整備）</v>
          </cell>
        </row>
        <row r="8">
          <cell r="A8" t="str">
            <v>施設更新（汚水）</v>
          </cell>
          <cell r="G8" t="str">
            <v>C1</v>
          </cell>
          <cell r="H8">
            <v>6</v>
          </cell>
          <cell r="L8" t="str">
            <v>下水建設課</v>
          </cell>
          <cell r="M8" t="str">
            <v>羽津処理分区</v>
          </cell>
          <cell r="W8" t="str">
            <v>使用料</v>
          </cell>
          <cell r="AI8" t="str">
            <v>長寿命化計画（管路）</v>
          </cell>
          <cell r="AN8" t="str">
            <v>改築更新（総合地震対策）</v>
          </cell>
        </row>
        <row r="9">
          <cell r="A9" t="str">
            <v>施設更新（雨水）</v>
          </cell>
          <cell r="G9" t="str">
            <v>C2</v>
          </cell>
          <cell r="H9">
            <v>7</v>
          </cell>
          <cell r="L9" t="str">
            <v>工務係</v>
          </cell>
          <cell r="M9" t="str">
            <v>三重処理分区</v>
          </cell>
          <cell r="AC9" t="str">
            <v>全体設計　H25-H26</v>
          </cell>
          <cell r="AN9" t="str">
            <v>改築更新（長寿命化）</v>
          </cell>
        </row>
        <row r="10">
          <cell r="A10" t="str">
            <v>地震対策（汚水）</v>
          </cell>
          <cell r="G10" t="str">
            <v>C3</v>
          </cell>
          <cell r="H10">
            <v>8</v>
          </cell>
          <cell r="L10" t="str">
            <v>施設課・下水建設課</v>
          </cell>
          <cell r="M10" t="str">
            <v>広永排水区</v>
          </cell>
          <cell r="AC10" t="str">
            <v>全体設計　H25-H27</v>
          </cell>
        </row>
        <row r="11">
          <cell r="A11" t="str">
            <v>地震対策（雨水）</v>
          </cell>
          <cell r="H11">
            <v>9</v>
          </cell>
          <cell r="M11" t="str">
            <v>常磐排水区</v>
          </cell>
          <cell r="AN11" t="str">
            <v>合流式下水道改善事業</v>
          </cell>
        </row>
        <row r="12">
          <cell r="H12">
            <v>10</v>
          </cell>
          <cell r="M12" t="str">
            <v>橋北排水区</v>
          </cell>
          <cell r="AC12" t="str">
            <v>全体設計　H26-H27</v>
          </cell>
          <cell r="AN12" t="str">
            <v>水質保全</v>
          </cell>
        </row>
        <row r="13">
          <cell r="A13" t="str">
            <v>合流改善</v>
          </cell>
          <cell r="H13">
            <v>11</v>
          </cell>
          <cell r="M13" t="str">
            <v>納屋排水区</v>
          </cell>
          <cell r="AC13" t="str">
            <v>全体設計　H26-H28</v>
          </cell>
          <cell r="AN13" t="str">
            <v>資源循環</v>
          </cell>
        </row>
        <row r="14">
          <cell r="H14">
            <v>12</v>
          </cell>
          <cell r="M14" t="str">
            <v>川島第１地区</v>
          </cell>
          <cell r="AN14" t="str">
            <v>地震対策</v>
          </cell>
        </row>
        <row r="15">
          <cell r="H15">
            <v>13</v>
          </cell>
          <cell r="M15" t="str">
            <v>川島第２地区</v>
          </cell>
          <cell r="AC15" t="str">
            <v>全体設計　H27-H28</v>
          </cell>
          <cell r="AN15" t="str">
            <v>自治会要望</v>
          </cell>
        </row>
        <row r="16">
          <cell r="H16">
            <v>14</v>
          </cell>
          <cell r="M16" t="str">
            <v>桜西地区</v>
          </cell>
          <cell r="AC16" t="str">
            <v>全体設計　H27-H29</v>
          </cell>
        </row>
        <row r="17">
          <cell r="H17">
            <v>15</v>
          </cell>
          <cell r="M17" t="str">
            <v>納屋・阿瀬知排水区</v>
          </cell>
        </row>
        <row r="18">
          <cell r="H18">
            <v>16</v>
          </cell>
          <cell r="M18" t="str">
            <v>阿瀬知・常磐排水区</v>
          </cell>
          <cell r="AC18" t="str">
            <v>ゼロ債</v>
          </cell>
        </row>
        <row r="19">
          <cell r="H19">
            <v>17</v>
          </cell>
          <cell r="M19" t="str">
            <v>単独</v>
          </cell>
        </row>
        <row r="20">
          <cell r="H20">
            <v>18</v>
          </cell>
          <cell r="M20" t="str">
            <v>流関（北部）</v>
          </cell>
        </row>
        <row r="21">
          <cell r="H21">
            <v>19</v>
          </cell>
          <cell r="M21" t="str">
            <v>流関（南部）</v>
          </cell>
        </row>
        <row r="22">
          <cell r="H22">
            <v>20</v>
          </cell>
          <cell r="M22" t="str">
            <v>南川・南五味塚排水区</v>
          </cell>
        </row>
        <row r="23">
          <cell r="H23">
            <v>21</v>
          </cell>
          <cell r="M23" t="str">
            <v>江川排水区</v>
          </cell>
        </row>
        <row r="24">
          <cell r="H24">
            <v>22</v>
          </cell>
          <cell r="M24" t="str">
            <v>塩浜排水区</v>
          </cell>
        </row>
        <row r="25">
          <cell r="H25">
            <v>23</v>
          </cell>
          <cell r="M25" t="str">
            <v>日永処理区</v>
          </cell>
        </row>
        <row r="26">
          <cell r="H26">
            <v>24</v>
          </cell>
          <cell r="M26" t="str">
            <v>河原田西処理分区</v>
          </cell>
        </row>
        <row r="27">
          <cell r="H27">
            <v>25</v>
          </cell>
          <cell r="M27" t="str">
            <v>笹川第１地区</v>
          </cell>
        </row>
        <row r="28">
          <cell r="H28">
            <v>26</v>
          </cell>
          <cell r="M28" t="str">
            <v>笹川第２地区</v>
          </cell>
        </row>
        <row r="29">
          <cell r="H29">
            <v>27</v>
          </cell>
          <cell r="M29" t="str">
            <v>笹川第３地区</v>
          </cell>
        </row>
        <row r="30">
          <cell r="H30">
            <v>28</v>
          </cell>
          <cell r="M30" t="str">
            <v>笹川第４地区</v>
          </cell>
        </row>
        <row r="31">
          <cell r="H31">
            <v>29</v>
          </cell>
          <cell r="M31" t="str">
            <v>笹川第５地区</v>
          </cell>
        </row>
        <row r="32">
          <cell r="H32">
            <v>30</v>
          </cell>
          <cell r="M32" t="str">
            <v>あかつき処理分区</v>
          </cell>
        </row>
        <row r="33">
          <cell r="H33">
            <v>31</v>
          </cell>
          <cell r="M33" t="str">
            <v>北部処理区</v>
          </cell>
        </row>
        <row r="34">
          <cell r="H34">
            <v>32</v>
          </cell>
          <cell r="M34" t="str">
            <v>南部処理区</v>
          </cell>
        </row>
        <row r="35">
          <cell r="H35">
            <v>33</v>
          </cell>
          <cell r="M35" t="str">
            <v>市内一円</v>
          </cell>
        </row>
        <row r="36">
          <cell r="H36">
            <v>34</v>
          </cell>
          <cell r="M36" t="str">
            <v>茂福排水区</v>
          </cell>
        </row>
        <row r="37">
          <cell r="H37">
            <v>35</v>
          </cell>
          <cell r="M37" t="str">
            <v>羽津排水区</v>
          </cell>
        </row>
        <row r="38">
          <cell r="H38">
            <v>36</v>
          </cell>
          <cell r="M38" t="str">
            <v>羽津茂福排水区</v>
          </cell>
        </row>
        <row r="39">
          <cell r="H39">
            <v>37</v>
          </cell>
          <cell r="M39" t="str">
            <v>河原田排水区</v>
          </cell>
        </row>
        <row r="40">
          <cell r="H40">
            <v>38</v>
          </cell>
          <cell r="M40" t="str">
            <v>阿瀬知排水区</v>
          </cell>
        </row>
        <row r="41">
          <cell r="H41">
            <v>39</v>
          </cell>
        </row>
        <row r="42">
          <cell r="H42">
            <v>40</v>
          </cell>
          <cell r="M42" t="str">
            <v>流関　北部</v>
          </cell>
        </row>
        <row r="43">
          <cell r="H43">
            <v>41</v>
          </cell>
          <cell r="M43" t="str">
            <v>流関　南部</v>
          </cell>
        </row>
        <row r="44">
          <cell r="H44">
            <v>42</v>
          </cell>
          <cell r="M44" t="str">
            <v>単独公共</v>
          </cell>
        </row>
        <row r="45">
          <cell r="H45">
            <v>43</v>
          </cell>
        </row>
        <row r="46">
          <cell r="H46">
            <v>44</v>
          </cell>
          <cell r="M46" t="str">
            <v>起債対象外</v>
          </cell>
        </row>
        <row r="47">
          <cell r="H47">
            <v>45</v>
          </cell>
        </row>
        <row r="48">
          <cell r="H48">
            <v>46</v>
          </cell>
          <cell r="M48" t="str">
            <v>南部第２地区</v>
          </cell>
        </row>
        <row r="49">
          <cell r="H49">
            <v>47</v>
          </cell>
          <cell r="M49" t="str">
            <v>磯津修理分区</v>
          </cell>
        </row>
        <row r="50">
          <cell r="H50">
            <v>48</v>
          </cell>
        </row>
        <row r="51">
          <cell r="H51">
            <v>49</v>
          </cell>
          <cell r="M51" t="str">
            <v>朝明都市下水路</v>
          </cell>
        </row>
        <row r="52">
          <cell r="H52">
            <v>50</v>
          </cell>
        </row>
      </sheetData>
      <sheetData sheetId="3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</defined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  <sheetName val="Sheet2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ダミー"/>
      <sheetName val="表紙"/>
      <sheetName val="明細"/>
      <sheetName val="1号"/>
      <sheetName val="2号"/>
      <sheetName val="3号"/>
      <sheetName val="4号"/>
      <sheetName val="5号"/>
      <sheetName val="配水管原"/>
      <sheetName val="資材単価"/>
      <sheetName val="単価表"/>
      <sheetName val="見積"/>
      <sheetName val="配管材料１"/>
      <sheetName val="配管材料２"/>
      <sheetName val="切管組合せ１"/>
      <sheetName val="切管組合せ２"/>
      <sheetName val="土工延長集計１"/>
      <sheetName val="土工延長集計２"/>
      <sheetName val="土工集計表１"/>
      <sheetName val="土工集計表２"/>
      <sheetName val="路面復旧"/>
      <sheetName val="内表紙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公共（補助）A +C+公共（単独） (H27年要望"/>
      <sheetName val="入力データ(H27用シート連動）"/>
      <sheetName val="ブランクSheet1"/>
      <sheetName val="公共（補助）A +C+公共（単独） (H26年当初・見本"/>
    </sheetNames>
    <sheetDataSet>
      <sheetData sheetId="0" refreshError="1"/>
      <sheetData sheetId="1" refreshError="1">
        <row r="3">
          <cell r="S3" t="str">
            <v>汚水</v>
          </cell>
        </row>
        <row r="4">
          <cell r="S4" t="str">
            <v>雨水</v>
          </cell>
        </row>
        <row r="5">
          <cell r="S5" t="str">
            <v>合流</v>
          </cell>
        </row>
      </sheetData>
      <sheetData sheetId="2" refreshError="1"/>
      <sheetData sheetId="3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総括"/>
      <sheetName val="内訳書"/>
      <sheetName val="明細書"/>
      <sheetName val="諸経費"/>
      <sheetName val="構成図"/>
      <sheetName val="見積"/>
      <sheetName val="建資"/>
      <sheetName val="代価表"/>
      <sheetName val="輸送"/>
    </sheetNames>
    <sheetDataSet>
      <sheetData sheetId="0">
        <row r="9">
          <cell r="E9" t="str">
            <v>　　茂福ポンプ場地下重油タンク設備工事</v>
          </cell>
        </row>
      </sheetData>
      <sheetData sheetId="1" refreshError="1"/>
      <sheetData sheetId="2"/>
      <sheetData sheetId="3"/>
      <sheetData sheetId="4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土工集計"/>
      <sheetName val="付帯・土工"/>
      <sheetName val="本管"/>
      <sheetName val="本管土工"/>
      <sheetName val="取付管"/>
      <sheetName val="人孔数量"/>
      <sheetName val="人孔"/>
      <sheetName val="躯体"/>
      <sheetName val="鉄筋"/>
    </sheetNames>
    <sheetDataSet>
      <sheetData sheetId="0"/>
      <sheetData sheetId="1">
        <row r="2">
          <cell r="B2" t="str">
            <v>場内整備土工集計表</v>
          </cell>
        </row>
        <row r="3">
          <cell r="B3" t="str">
            <v>場     所</v>
          </cell>
          <cell r="C3" t="str">
            <v>機械掘削</v>
          </cell>
          <cell r="D3" t="str">
            <v>人力掘削</v>
          </cell>
          <cell r="E3" t="str">
            <v>埋戻し(機械)</v>
          </cell>
          <cell r="F3" t="str">
            <v>埋戻し(人力)</v>
          </cell>
          <cell r="G3" t="str">
            <v>砂基礎(人力)</v>
          </cell>
          <cell r="H3" t="str">
            <v>床均し</v>
          </cell>
          <cell r="I3" t="str">
            <v>残土</v>
          </cell>
          <cell r="J3" t="str">
            <v>摘   要</v>
          </cell>
        </row>
        <row r="4">
          <cell r="C4" t="str">
            <v>(m3)</v>
          </cell>
          <cell r="D4" t="str">
            <v>(m3)</v>
          </cell>
          <cell r="E4" t="str">
            <v>(m3)</v>
          </cell>
          <cell r="F4" t="str">
            <v>(m3)</v>
          </cell>
          <cell r="G4" t="str">
            <v>(m3)</v>
          </cell>
          <cell r="H4" t="str">
            <v>(m2)</v>
          </cell>
          <cell r="I4" t="str">
            <v>(m3)</v>
          </cell>
        </row>
        <row r="5">
          <cell r="B5" t="str">
            <v>本管</v>
          </cell>
          <cell r="C5">
            <v>596.80816875000005</v>
          </cell>
          <cell r="E5">
            <v>360.71999999999997</v>
          </cell>
          <cell r="G5">
            <v>153.69</v>
          </cell>
          <cell r="H5">
            <v>212.49375000000001</v>
          </cell>
          <cell r="I5">
            <v>443.11816875000011</v>
          </cell>
        </row>
        <row r="6">
          <cell r="B6" t="str">
            <v>取付管</v>
          </cell>
          <cell r="C6">
            <v>32.83</v>
          </cell>
          <cell r="E6">
            <v>31.299999999999997</v>
          </cell>
          <cell r="I6">
            <v>1.53</v>
          </cell>
        </row>
        <row r="7">
          <cell r="B7" t="str">
            <v>人孔</v>
          </cell>
          <cell r="C7">
            <v>80.729874999999993</v>
          </cell>
          <cell r="E7">
            <v>48.999491284624995</v>
          </cell>
          <cell r="H7">
            <v>32.164999999999999</v>
          </cell>
          <cell r="I7">
            <v>31.730383715374998</v>
          </cell>
        </row>
        <row r="8">
          <cell r="B8" t="str">
            <v>集水桝(A)</v>
          </cell>
          <cell r="C8">
            <v>12.26</v>
          </cell>
          <cell r="F8">
            <v>8.27</v>
          </cell>
          <cell r="H8">
            <v>4.8600000000000003</v>
          </cell>
          <cell r="I8">
            <v>3.99</v>
          </cell>
        </row>
        <row r="9">
          <cell r="B9" t="str">
            <v>集水桝(B)</v>
          </cell>
          <cell r="C9">
            <v>4.8499999999999996</v>
          </cell>
          <cell r="F9">
            <v>3.39</v>
          </cell>
          <cell r="H9">
            <v>1.62</v>
          </cell>
          <cell r="I9">
            <v>1.4599999999999995</v>
          </cell>
        </row>
        <row r="10">
          <cell r="B10" t="str">
            <v>集水桝(C)</v>
          </cell>
          <cell r="C10">
            <v>3.31</v>
          </cell>
          <cell r="F10">
            <v>2.4500000000000002</v>
          </cell>
          <cell r="H10">
            <v>0.81</v>
          </cell>
          <cell r="I10">
            <v>0.85999999999999988</v>
          </cell>
        </row>
        <row r="11">
          <cell r="B11" t="str">
            <v>集水桝(D)</v>
          </cell>
          <cell r="C11">
            <v>1</v>
          </cell>
          <cell r="F11">
            <v>0.8</v>
          </cell>
          <cell r="H11">
            <v>0.48</v>
          </cell>
          <cell r="I11">
            <v>0.19999999999999996</v>
          </cell>
        </row>
        <row r="12">
          <cell r="B12" t="str">
            <v>ﾒｯｼｭﾌｪﾝｽ門扉</v>
          </cell>
          <cell r="D12">
            <v>0.4</v>
          </cell>
          <cell r="F12">
            <v>0.2</v>
          </cell>
          <cell r="I12">
            <v>0.2</v>
          </cell>
        </row>
        <row r="13">
          <cell r="B13" t="str">
            <v>ﾒｯｼｭﾌｪﾝｽ</v>
          </cell>
          <cell r="D13">
            <v>21</v>
          </cell>
          <cell r="F13">
            <v>14.8</v>
          </cell>
          <cell r="I13">
            <v>6.1999999999999993</v>
          </cell>
        </row>
        <row r="14">
          <cell r="B14" t="str">
            <v>歩車道境界ﾌﾞﾛｯｸ</v>
          </cell>
          <cell r="C14">
            <v>4.1900000000000004</v>
          </cell>
          <cell r="F14">
            <v>1.85</v>
          </cell>
          <cell r="H14">
            <v>11.96</v>
          </cell>
          <cell r="I14">
            <v>2.3400000000000003</v>
          </cell>
        </row>
        <row r="15">
          <cell r="B15" t="str">
            <v>横断工(300×300)</v>
          </cell>
          <cell r="C15">
            <v>4.5</v>
          </cell>
          <cell r="F15">
            <v>1.69</v>
          </cell>
          <cell r="H15">
            <v>5.25</v>
          </cell>
          <cell r="I15">
            <v>2.81</v>
          </cell>
        </row>
        <row r="16">
          <cell r="B16" t="str">
            <v>U字(300)側溝</v>
          </cell>
          <cell r="C16">
            <v>85.71</v>
          </cell>
          <cell r="F16">
            <v>34.89</v>
          </cell>
          <cell r="H16">
            <v>108.48</v>
          </cell>
          <cell r="I16">
            <v>50.819999999999993</v>
          </cell>
        </row>
        <row r="17">
          <cell r="B17" t="str">
            <v>LU型街渠</v>
          </cell>
          <cell r="C17">
            <v>204.59</v>
          </cell>
          <cell r="F17">
            <v>115.06</v>
          </cell>
          <cell r="H17">
            <v>238.52</v>
          </cell>
          <cell r="I17">
            <v>89.53</v>
          </cell>
        </row>
        <row r="18">
          <cell r="B18" t="str">
            <v>LU型街渠用集水桝</v>
          </cell>
          <cell r="C18">
            <v>8.52</v>
          </cell>
          <cell r="F18">
            <v>5.98</v>
          </cell>
          <cell r="H18">
            <v>4.5599999999999996</v>
          </cell>
          <cell r="I18">
            <v>2.5399999999999991</v>
          </cell>
        </row>
        <row r="19">
          <cell r="I19">
            <v>0</v>
          </cell>
        </row>
        <row r="20">
          <cell r="I20">
            <v>0</v>
          </cell>
        </row>
        <row r="21">
          <cell r="I21">
            <v>0</v>
          </cell>
        </row>
        <row r="22">
          <cell r="I22">
            <v>0</v>
          </cell>
        </row>
        <row r="23">
          <cell r="B23" t="str">
            <v>合     計</v>
          </cell>
          <cell r="C23">
            <v>1039.29804375</v>
          </cell>
          <cell r="D23">
            <v>21.4</v>
          </cell>
          <cell r="E23">
            <v>441.01949128462496</v>
          </cell>
          <cell r="F23">
            <v>189.38</v>
          </cell>
          <cell r="G23">
            <v>153.69</v>
          </cell>
          <cell r="H23">
            <v>621.19875000000002</v>
          </cell>
          <cell r="I23">
            <v>637.32855246537497</v>
          </cell>
          <cell r="J23">
            <v>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66"/>
  </sheetPr>
  <dimension ref="A1:X50"/>
  <sheetViews>
    <sheetView showGridLines="0" tabSelected="1" view="pageBreakPreview" zoomScale="70" zoomScaleNormal="85" zoomScaleSheetLayoutView="70" workbookViewId="0">
      <selection activeCell="O12" sqref="O12"/>
    </sheetView>
  </sheetViews>
  <sheetFormatPr defaultRowHeight="13.5"/>
  <cols>
    <col min="1" max="1" width="16.5" customWidth="1"/>
    <col min="2" max="3" width="20.75" customWidth="1"/>
    <col min="4" max="4" width="26" customWidth="1"/>
    <col min="5" max="5" width="6.375" customWidth="1"/>
    <col min="6" max="6" width="9.5" customWidth="1"/>
    <col min="7" max="7" width="11" customWidth="1"/>
    <col min="8" max="8" width="15.75" customWidth="1"/>
    <col min="9" max="9" width="27.75" customWidth="1"/>
    <col min="10" max="10" width="13.625" customWidth="1"/>
    <col min="11" max="11" width="13.875" customWidth="1"/>
    <col min="12" max="12" width="11.5" customWidth="1"/>
  </cols>
  <sheetData>
    <row r="1" spans="1:24" ht="14.25">
      <c r="A1" s="1" t="s">
        <v>1</v>
      </c>
      <c r="B1" s="1" t="s">
        <v>29</v>
      </c>
      <c r="C1" s="1"/>
      <c r="D1" s="2"/>
      <c r="E1" s="3"/>
      <c r="F1" s="3"/>
      <c r="G1" s="4"/>
      <c r="H1" s="4"/>
      <c r="I1" s="4"/>
      <c r="J1" s="4"/>
      <c r="K1" s="1"/>
      <c r="L1" s="1"/>
    </row>
    <row r="2" spans="1:24" ht="15" thickBot="1">
      <c r="A2" s="1" t="s">
        <v>2</v>
      </c>
      <c r="B2" s="1" t="s">
        <v>30</v>
      </c>
      <c r="C2" s="1"/>
      <c r="D2" s="1"/>
      <c r="E2" s="3"/>
      <c r="F2" s="3"/>
      <c r="G2" s="4"/>
      <c r="H2" s="4"/>
      <c r="I2" s="4"/>
      <c r="J2" s="4"/>
      <c r="K2" s="1"/>
      <c r="L2" s="1"/>
    </row>
    <row r="3" spans="1:24" ht="21">
      <c r="A3" s="5"/>
      <c r="B3" s="6"/>
      <c r="C3" s="6"/>
      <c r="D3" s="169" t="s">
        <v>3</v>
      </c>
      <c r="E3" s="169"/>
      <c r="F3" s="169"/>
      <c r="G3" s="140"/>
      <c r="H3" s="141" t="s">
        <v>27</v>
      </c>
      <c r="I3" s="142"/>
      <c r="J3" s="142"/>
      <c r="K3" s="142"/>
      <c r="L3" s="7"/>
      <c r="M3" s="124"/>
      <c r="N3" s="1"/>
      <c r="O3" s="1"/>
      <c r="P3" s="1"/>
      <c r="Q3" s="1"/>
      <c r="R3" s="1"/>
      <c r="S3" s="1"/>
      <c r="T3" s="1"/>
      <c r="U3" s="1"/>
      <c r="V3" s="1"/>
      <c r="W3" s="1"/>
      <c r="X3" s="1"/>
    </row>
    <row r="4" spans="1:24" ht="14.25">
      <c r="A4" s="8" t="s">
        <v>4</v>
      </c>
      <c r="B4" s="9" t="s">
        <v>5</v>
      </c>
      <c r="C4" s="10" t="s">
        <v>6</v>
      </c>
      <c r="D4" s="10" t="s">
        <v>7</v>
      </c>
      <c r="E4" s="10" t="s">
        <v>8</v>
      </c>
      <c r="F4" s="10" t="s">
        <v>9</v>
      </c>
      <c r="G4" s="11" t="s">
        <v>10</v>
      </c>
      <c r="H4" s="143" t="s">
        <v>11</v>
      </c>
      <c r="I4" s="170" t="s">
        <v>28</v>
      </c>
      <c r="J4" s="171"/>
      <c r="K4" s="171"/>
      <c r="L4" s="12"/>
      <c r="M4" s="124"/>
      <c r="N4" s="1"/>
      <c r="O4" s="1"/>
      <c r="P4" s="1"/>
      <c r="Q4" s="1"/>
      <c r="R4" s="1"/>
      <c r="S4" s="1"/>
      <c r="T4" s="1"/>
      <c r="U4" s="1"/>
      <c r="V4" s="1"/>
      <c r="W4" s="1"/>
      <c r="X4" s="1"/>
    </row>
    <row r="5" spans="1:24" ht="14.25">
      <c r="A5" s="91"/>
      <c r="B5" s="92"/>
      <c r="C5" s="13"/>
      <c r="D5" s="14"/>
      <c r="E5" s="15"/>
      <c r="F5" s="15"/>
      <c r="G5" s="16"/>
      <c r="H5" s="126"/>
      <c r="I5" s="123"/>
      <c r="J5" s="116"/>
      <c r="K5" s="116"/>
      <c r="L5" s="19"/>
      <c r="M5" s="124"/>
      <c r="N5" s="1"/>
      <c r="O5" s="1"/>
      <c r="P5" s="1"/>
      <c r="Q5" s="1"/>
      <c r="R5" s="1"/>
      <c r="S5" s="1"/>
      <c r="T5" s="1"/>
      <c r="U5" s="1"/>
      <c r="V5" s="1"/>
      <c r="W5" s="1"/>
      <c r="X5" s="1"/>
    </row>
    <row r="6" spans="1:24" ht="14.25">
      <c r="A6" s="93"/>
      <c r="B6" s="94"/>
      <c r="C6" s="20"/>
      <c r="D6" s="21"/>
      <c r="E6" s="22"/>
      <c r="F6" s="22"/>
      <c r="G6" s="23"/>
      <c r="H6" s="144"/>
      <c r="I6" s="25"/>
      <c r="J6" s="26"/>
      <c r="K6" s="27"/>
      <c r="L6" s="28"/>
      <c r="M6" s="124"/>
      <c r="N6" s="1"/>
      <c r="O6" s="1"/>
      <c r="P6" s="1"/>
      <c r="Q6" s="1"/>
      <c r="R6" s="1"/>
      <c r="S6" s="1"/>
      <c r="T6" s="1"/>
      <c r="U6" s="1"/>
      <c r="V6" s="1"/>
      <c r="W6" s="1"/>
      <c r="X6" s="1"/>
    </row>
    <row r="7" spans="1:24" ht="14.25">
      <c r="A7" s="95" t="s">
        <v>21</v>
      </c>
      <c r="B7" s="96"/>
      <c r="C7" s="29"/>
      <c r="D7" s="30"/>
      <c r="E7" s="31" t="s">
        <v>0</v>
      </c>
      <c r="F7" s="31">
        <v>1</v>
      </c>
      <c r="G7" s="32"/>
      <c r="H7" s="145"/>
      <c r="I7" s="146"/>
      <c r="J7" s="33"/>
      <c r="K7" s="33"/>
      <c r="L7" s="34"/>
      <c r="M7" s="124"/>
      <c r="N7" s="1"/>
      <c r="O7" s="1"/>
      <c r="P7" s="1"/>
      <c r="Q7" s="1"/>
      <c r="R7" s="1"/>
      <c r="S7" s="1"/>
      <c r="T7" s="1"/>
      <c r="U7" s="1"/>
      <c r="V7" s="1"/>
      <c r="W7" s="1"/>
      <c r="X7" s="1"/>
    </row>
    <row r="8" spans="1:24" ht="14.25">
      <c r="A8" s="93"/>
      <c r="B8" s="94"/>
      <c r="C8" s="20"/>
      <c r="D8" s="21"/>
      <c r="E8" s="22"/>
      <c r="F8" s="22"/>
      <c r="G8" s="23"/>
      <c r="H8" s="125"/>
      <c r="I8" s="147"/>
      <c r="J8" s="27"/>
      <c r="K8" s="27"/>
      <c r="L8" s="19"/>
      <c r="M8" s="124"/>
      <c r="N8" s="1"/>
      <c r="O8" s="1"/>
      <c r="P8" s="1"/>
      <c r="Q8" s="1"/>
      <c r="R8" s="1"/>
      <c r="S8" s="1"/>
      <c r="T8" s="1"/>
      <c r="U8" s="1"/>
      <c r="V8" s="1"/>
      <c r="W8" s="1"/>
      <c r="X8" s="1"/>
    </row>
    <row r="9" spans="1:24" ht="14.25">
      <c r="A9" s="93"/>
      <c r="B9" s="94"/>
      <c r="C9" s="20"/>
      <c r="D9" s="21"/>
      <c r="E9" s="22"/>
      <c r="F9" s="22"/>
      <c r="G9" s="23"/>
      <c r="H9" s="125"/>
      <c r="I9" s="147"/>
      <c r="J9" s="27"/>
      <c r="K9" s="27"/>
      <c r="L9" s="28"/>
      <c r="M9" s="124"/>
      <c r="N9" s="1"/>
      <c r="O9" s="1"/>
      <c r="P9" s="1"/>
      <c r="Q9" s="1"/>
      <c r="R9" s="1"/>
      <c r="S9" s="1"/>
      <c r="T9" s="1"/>
      <c r="U9" s="1"/>
      <c r="V9" s="1"/>
      <c r="W9" s="1"/>
      <c r="X9" s="1"/>
    </row>
    <row r="10" spans="1:24" ht="14.25">
      <c r="A10" s="97" t="s">
        <v>12</v>
      </c>
      <c r="B10" s="98"/>
      <c r="C10" s="36"/>
      <c r="D10" s="21"/>
      <c r="E10" s="31" t="s">
        <v>0</v>
      </c>
      <c r="F10" s="31">
        <v>1</v>
      </c>
      <c r="G10" s="23"/>
      <c r="H10" s="125"/>
      <c r="I10" s="147"/>
      <c r="J10" s="27"/>
      <c r="K10" s="27"/>
      <c r="L10" s="34"/>
      <c r="M10" s="124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</row>
    <row r="11" spans="1:24" ht="14.25">
      <c r="A11" s="91"/>
      <c r="B11" s="92"/>
      <c r="C11" s="13"/>
      <c r="D11" s="14"/>
      <c r="E11" s="15"/>
      <c r="F11" s="15"/>
      <c r="G11" s="16"/>
      <c r="H11" s="126"/>
      <c r="I11" s="148"/>
      <c r="J11" s="149"/>
      <c r="K11" s="116"/>
      <c r="L11" s="19"/>
      <c r="M11" s="124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</row>
    <row r="12" spans="1:24" ht="14.25">
      <c r="A12" s="93"/>
      <c r="B12" s="94"/>
      <c r="C12" s="20"/>
      <c r="D12" s="21"/>
      <c r="E12" s="22"/>
      <c r="F12" s="22"/>
      <c r="G12" s="23"/>
      <c r="H12" s="127"/>
      <c r="I12" s="150"/>
      <c r="J12" s="128"/>
      <c r="K12" s="129"/>
      <c r="L12" s="28"/>
      <c r="M12" s="124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</row>
    <row r="13" spans="1:24" ht="14.25">
      <c r="A13" s="99"/>
      <c r="B13" s="100" t="s">
        <v>13</v>
      </c>
      <c r="C13" s="29"/>
      <c r="D13" s="30"/>
      <c r="E13" s="31"/>
      <c r="F13" s="31"/>
      <c r="G13" s="32"/>
      <c r="H13" s="130"/>
      <c r="I13" s="151"/>
      <c r="J13" s="152"/>
      <c r="K13" s="153"/>
      <c r="L13" s="34"/>
      <c r="M13" s="124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</row>
    <row r="14" spans="1:24" ht="14.25">
      <c r="A14" s="91"/>
      <c r="B14" s="92"/>
      <c r="C14" s="13"/>
      <c r="D14" s="14"/>
      <c r="E14" s="15"/>
      <c r="F14" s="15"/>
      <c r="G14" s="16"/>
      <c r="H14" s="131"/>
      <c r="I14" s="154"/>
      <c r="J14" s="149"/>
      <c r="K14" s="116"/>
      <c r="L14" s="19"/>
      <c r="M14" s="124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</row>
    <row r="15" spans="1:24" ht="14.25">
      <c r="A15" s="93"/>
      <c r="B15" s="94"/>
      <c r="C15" s="20"/>
      <c r="D15" s="21"/>
      <c r="E15" s="22"/>
      <c r="F15" s="22"/>
      <c r="G15" s="23"/>
      <c r="H15" s="132"/>
      <c r="I15" s="155"/>
      <c r="J15" s="156"/>
      <c r="K15" s="157"/>
      <c r="L15" s="28"/>
      <c r="M15" s="124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</row>
    <row r="16" spans="1:24" ht="14.25">
      <c r="A16" s="101"/>
      <c r="B16" s="100" t="s">
        <v>14</v>
      </c>
      <c r="C16" s="43"/>
      <c r="D16" s="30"/>
      <c r="E16" s="31"/>
      <c r="F16" s="31"/>
      <c r="G16" s="32"/>
      <c r="H16" s="130"/>
      <c r="I16" s="158"/>
      <c r="J16" s="159"/>
      <c r="K16" s="45"/>
      <c r="L16" s="34"/>
      <c r="M16" s="124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</row>
    <row r="17" spans="1:24" ht="14.25">
      <c r="A17" s="97"/>
      <c r="B17" s="98"/>
      <c r="C17" s="36"/>
      <c r="D17" s="21"/>
      <c r="E17" s="22"/>
      <c r="F17" s="22"/>
      <c r="G17" s="23"/>
      <c r="H17" s="132"/>
      <c r="I17" s="147"/>
      <c r="J17" s="160"/>
      <c r="K17" s="46"/>
      <c r="L17" s="19"/>
      <c r="M17" s="124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</row>
    <row r="18" spans="1:24" ht="14.25">
      <c r="A18" s="97"/>
      <c r="B18" s="98"/>
      <c r="C18" s="36"/>
      <c r="D18" s="21"/>
      <c r="E18" s="22"/>
      <c r="F18" s="22"/>
      <c r="G18" s="23"/>
      <c r="H18" s="132"/>
      <c r="I18" s="161"/>
      <c r="J18" s="160"/>
      <c r="K18" s="46"/>
      <c r="L18" s="28"/>
      <c r="M18" s="124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</row>
    <row r="19" spans="1:24" ht="14.25">
      <c r="A19" s="97" t="s">
        <v>15</v>
      </c>
      <c r="B19" s="98"/>
      <c r="C19" s="36"/>
      <c r="D19" s="21"/>
      <c r="E19" s="31" t="s">
        <v>0</v>
      </c>
      <c r="F19" s="31">
        <v>1</v>
      </c>
      <c r="G19" s="23"/>
      <c r="H19" s="132"/>
      <c r="I19" s="147"/>
      <c r="J19" s="160"/>
      <c r="K19" s="46"/>
      <c r="L19" s="34"/>
      <c r="M19" s="124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</row>
    <row r="20" spans="1:24" ht="14.25">
      <c r="A20" s="91"/>
      <c r="B20" s="92"/>
      <c r="C20" s="13"/>
      <c r="D20" s="14"/>
      <c r="E20" s="15"/>
      <c r="F20" s="15"/>
      <c r="G20" s="16"/>
      <c r="H20" s="133"/>
      <c r="I20" s="154"/>
      <c r="J20" s="149"/>
      <c r="K20" s="116"/>
      <c r="L20" s="19"/>
      <c r="M20" s="124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</row>
    <row r="21" spans="1:24" ht="14.25">
      <c r="A21" s="93"/>
      <c r="B21" s="94"/>
      <c r="C21" s="20"/>
      <c r="D21" s="21"/>
      <c r="E21" s="22"/>
      <c r="F21" s="22"/>
      <c r="G21" s="23"/>
      <c r="H21" s="132"/>
      <c r="I21" s="150"/>
      <c r="J21" s="128"/>
      <c r="K21" s="129"/>
      <c r="L21" s="28"/>
      <c r="M21" s="124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</row>
    <row r="22" spans="1:24" ht="14.25">
      <c r="A22" s="99"/>
      <c r="B22" s="100" t="s">
        <v>16</v>
      </c>
      <c r="C22" s="39"/>
      <c r="D22" s="30"/>
      <c r="E22" s="31"/>
      <c r="F22" s="31"/>
      <c r="G22" s="32"/>
      <c r="H22" s="130"/>
      <c r="I22" s="151"/>
      <c r="J22" s="152"/>
      <c r="K22" s="153"/>
      <c r="L22" s="34"/>
      <c r="M22" s="124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</row>
    <row r="23" spans="1:24" ht="14.25">
      <c r="A23" s="91"/>
      <c r="B23" s="92"/>
      <c r="C23" s="13"/>
      <c r="D23" s="14"/>
      <c r="E23" s="15"/>
      <c r="F23" s="15"/>
      <c r="G23" s="16"/>
      <c r="H23" s="133"/>
      <c r="I23" s="154"/>
      <c r="J23" s="149"/>
      <c r="K23" s="116"/>
      <c r="L23" s="19"/>
      <c r="M23" s="124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</row>
    <row r="24" spans="1:24" ht="14.25">
      <c r="A24" s="93"/>
      <c r="B24" s="94"/>
      <c r="C24" s="20"/>
      <c r="D24" s="21"/>
      <c r="E24" s="22"/>
      <c r="F24" s="22"/>
      <c r="G24" s="23"/>
      <c r="H24" s="132"/>
      <c r="I24" s="162"/>
      <c r="J24" s="156"/>
      <c r="K24" s="134"/>
      <c r="L24" s="28"/>
      <c r="M24" s="124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</row>
    <row r="25" spans="1:24" ht="14.25">
      <c r="A25" s="95"/>
      <c r="B25" s="102" t="s">
        <v>17</v>
      </c>
      <c r="C25" s="29"/>
      <c r="D25" s="30"/>
      <c r="E25" s="31"/>
      <c r="F25" s="31"/>
      <c r="G25" s="32"/>
      <c r="H25" s="130"/>
      <c r="I25" s="158"/>
      <c r="J25" s="163"/>
      <c r="K25" s="50"/>
      <c r="L25" s="34"/>
      <c r="M25" s="124"/>
      <c r="N25" s="124"/>
      <c r="O25" s="124"/>
      <c r="P25" s="124"/>
      <c r="Q25" s="124"/>
      <c r="R25" s="124"/>
      <c r="S25" s="124"/>
      <c r="T25" s="124"/>
      <c r="U25" s="124"/>
      <c r="V25" s="1"/>
      <c r="W25" s="1"/>
      <c r="X25" s="1"/>
    </row>
    <row r="26" spans="1:24" ht="14.25">
      <c r="A26" s="91"/>
      <c r="B26" s="92"/>
      <c r="C26" s="13"/>
      <c r="D26" s="51"/>
      <c r="E26" s="15"/>
      <c r="F26" s="15"/>
      <c r="G26" s="16"/>
      <c r="H26" s="133"/>
      <c r="I26" s="154"/>
      <c r="J26" s="149"/>
      <c r="K26" s="116"/>
      <c r="L26" s="19"/>
      <c r="M26" s="124"/>
      <c r="N26" s="172"/>
      <c r="O26" s="173"/>
      <c r="P26" s="173"/>
      <c r="Q26" s="173"/>
      <c r="R26" s="173"/>
      <c r="S26" s="173"/>
      <c r="T26" s="124"/>
      <c r="U26" s="124"/>
      <c r="V26" s="1"/>
      <c r="W26" s="1"/>
      <c r="X26" s="1"/>
    </row>
    <row r="27" spans="1:24" ht="14.25">
      <c r="A27" s="93"/>
      <c r="B27" s="94"/>
      <c r="C27" s="20"/>
      <c r="D27" s="21"/>
      <c r="E27" s="22"/>
      <c r="F27" s="22"/>
      <c r="G27" s="23"/>
      <c r="H27" s="132"/>
      <c r="I27" s="162"/>
      <c r="J27" s="156"/>
      <c r="K27" s="135"/>
      <c r="L27" s="28"/>
      <c r="M27" s="124"/>
      <c r="N27" s="172"/>
      <c r="O27" s="139"/>
      <c r="P27" s="139"/>
      <c r="Q27" s="139"/>
      <c r="R27" s="139"/>
      <c r="S27" s="139"/>
      <c r="T27" s="124"/>
      <c r="U27" s="124"/>
      <c r="V27" s="1"/>
      <c r="W27" s="1"/>
      <c r="X27" s="1"/>
    </row>
    <row r="28" spans="1:24" ht="14.25">
      <c r="A28" s="95" t="s">
        <v>18</v>
      </c>
      <c r="B28" s="102"/>
      <c r="C28" s="29"/>
      <c r="D28" s="30"/>
      <c r="E28" s="31" t="s">
        <v>0</v>
      </c>
      <c r="F28" s="31">
        <v>1</v>
      </c>
      <c r="G28" s="32"/>
      <c r="H28" s="130"/>
      <c r="I28" s="158"/>
      <c r="J28" s="159"/>
      <c r="K28" s="45"/>
      <c r="L28" s="34"/>
      <c r="M28" s="124"/>
      <c r="N28" s="139"/>
      <c r="O28" s="139"/>
      <c r="P28" s="139"/>
      <c r="Q28" s="139"/>
      <c r="R28" s="139"/>
      <c r="S28" s="136"/>
      <c r="T28" s="124"/>
      <c r="U28" s="124"/>
      <c r="V28" s="1"/>
      <c r="W28" s="1"/>
      <c r="X28" s="1"/>
    </row>
    <row r="29" spans="1:24" ht="14.25">
      <c r="A29" s="91"/>
      <c r="B29" s="92"/>
      <c r="C29" s="13"/>
      <c r="D29" s="51"/>
      <c r="E29" s="15"/>
      <c r="F29" s="15"/>
      <c r="G29" s="16"/>
      <c r="H29" s="133"/>
      <c r="I29" s="154"/>
      <c r="J29" s="149"/>
      <c r="K29" s="116"/>
      <c r="L29" s="19"/>
      <c r="M29" s="124"/>
      <c r="N29" s="1"/>
      <c r="O29" s="1"/>
      <c r="P29" s="1"/>
      <c r="Q29" s="1"/>
      <c r="R29" s="139"/>
      <c r="S29" s="139"/>
      <c r="T29" s="124"/>
      <c r="U29" s="124"/>
      <c r="V29" s="1"/>
      <c r="W29" s="1"/>
      <c r="X29" s="1"/>
    </row>
    <row r="30" spans="1:24" ht="14.25">
      <c r="A30" s="93"/>
      <c r="B30" s="94"/>
      <c r="C30" s="20"/>
      <c r="D30" s="21"/>
      <c r="E30" s="22"/>
      <c r="F30" s="22"/>
      <c r="G30" s="23"/>
      <c r="H30" s="132"/>
      <c r="I30" s="150"/>
      <c r="J30" s="128"/>
      <c r="K30" s="129"/>
      <c r="L30" s="137"/>
      <c r="M30" s="138"/>
      <c r="N30" s="1"/>
      <c r="O30" s="1"/>
      <c r="P30" s="1"/>
      <c r="Q30" s="1"/>
      <c r="R30" s="124"/>
      <c r="S30" s="124"/>
      <c r="T30" s="124"/>
      <c r="U30" s="124"/>
      <c r="V30" s="1"/>
      <c r="W30" s="1"/>
      <c r="X30" s="1"/>
    </row>
    <row r="31" spans="1:24" ht="14.25">
      <c r="A31" s="103"/>
      <c r="B31" s="100" t="s">
        <v>19</v>
      </c>
      <c r="C31" s="39"/>
      <c r="D31" s="30"/>
      <c r="E31" s="31"/>
      <c r="F31" s="31"/>
      <c r="G31" s="32"/>
      <c r="H31" s="130"/>
      <c r="I31" s="164"/>
      <c r="J31" s="165"/>
      <c r="K31" s="166"/>
      <c r="L31" s="167"/>
      <c r="M31" s="124"/>
      <c r="N31" s="168"/>
      <c r="O31" s="168"/>
      <c r="P31" s="124"/>
      <c r="Q31" s="124"/>
      <c r="R31" s="1"/>
      <c r="S31" s="1"/>
      <c r="T31" s="1"/>
      <c r="U31" s="1"/>
      <c r="V31" s="1"/>
      <c r="W31" s="1"/>
      <c r="X31" s="1"/>
    </row>
    <row r="32" spans="1:24" ht="14.25">
      <c r="A32" s="113"/>
      <c r="B32" s="114"/>
      <c r="C32" s="36"/>
      <c r="D32" s="14"/>
      <c r="E32" s="15"/>
      <c r="F32" s="15"/>
      <c r="G32" s="52"/>
      <c r="H32" s="17"/>
      <c r="I32" s="53"/>
      <c r="J32" s="115"/>
      <c r="K32" s="116"/>
      <c r="L32" s="19"/>
    </row>
    <row r="33" spans="1:16" ht="14.25">
      <c r="A33" s="117" t="s">
        <v>23</v>
      </c>
      <c r="B33" s="114"/>
      <c r="C33" s="36"/>
      <c r="D33" s="21"/>
      <c r="E33" s="22"/>
      <c r="F33" s="22"/>
      <c r="G33" s="54"/>
      <c r="H33" s="24"/>
      <c r="I33" s="55"/>
      <c r="J33" s="56"/>
      <c r="K33" s="57"/>
      <c r="L33" s="28"/>
    </row>
    <row r="34" spans="1:16" ht="14.25">
      <c r="A34" s="117" t="s">
        <v>24</v>
      </c>
      <c r="B34" s="118" t="s">
        <v>25</v>
      </c>
      <c r="C34" s="36"/>
      <c r="D34" s="39"/>
      <c r="E34" s="31" t="s">
        <v>22</v>
      </c>
      <c r="F34" s="31">
        <v>1</v>
      </c>
      <c r="G34" s="32"/>
      <c r="H34" s="58"/>
      <c r="I34" s="59"/>
      <c r="J34" s="89"/>
      <c r="K34" s="112"/>
      <c r="L34" s="28"/>
    </row>
    <row r="35" spans="1:16" ht="14.25">
      <c r="A35" s="119"/>
      <c r="B35" s="120"/>
      <c r="C35" s="121"/>
      <c r="D35" s="63"/>
      <c r="E35" s="22"/>
      <c r="F35" s="22"/>
      <c r="G35" s="23"/>
      <c r="H35" s="17"/>
      <c r="I35" s="35"/>
      <c r="J35" s="115"/>
      <c r="K35" s="116"/>
      <c r="L35" s="19"/>
    </row>
    <row r="36" spans="1:16" ht="14.25">
      <c r="A36" s="113"/>
      <c r="B36" s="114"/>
      <c r="C36" s="36"/>
      <c r="D36" s="63"/>
      <c r="E36" s="22"/>
      <c r="F36" s="22"/>
      <c r="G36" s="23"/>
      <c r="H36" s="58"/>
      <c r="I36" s="55"/>
      <c r="J36" s="56"/>
      <c r="K36" s="57"/>
      <c r="L36" s="28"/>
    </row>
    <row r="37" spans="1:16" ht="14.25">
      <c r="A37" s="113"/>
      <c r="B37" s="118" t="s">
        <v>26</v>
      </c>
      <c r="C37" s="36"/>
      <c r="D37" s="63"/>
      <c r="E37" s="22"/>
      <c r="F37" s="22"/>
      <c r="G37" s="23"/>
      <c r="H37" s="58"/>
      <c r="I37" s="146"/>
      <c r="J37" s="65"/>
      <c r="K37" s="46"/>
      <c r="L37" s="28"/>
    </row>
    <row r="38" spans="1:16" ht="14.25">
      <c r="A38" s="106"/>
      <c r="B38" s="108"/>
      <c r="C38" s="62"/>
      <c r="D38" s="66"/>
      <c r="E38" s="15"/>
      <c r="F38" s="15"/>
      <c r="G38" s="16"/>
      <c r="H38" s="17"/>
      <c r="I38" s="67"/>
      <c r="J38" s="68"/>
      <c r="K38" s="18"/>
      <c r="L38" s="19"/>
    </row>
    <row r="39" spans="1:16" ht="14.25">
      <c r="A39" s="104"/>
      <c r="B39" s="105"/>
      <c r="C39" s="36"/>
      <c r="D39" s="63"/>
      <c r="E39" s="22"/>
      <c r="F39" s="22"/>
      <c r="G39" s="23"/>
      <c r="H39" s="58"/>
      <c r="I39" s="64"/>
      <c r="J39" s="65"/>
      <c r="K39" s="46"/>
      <c r="L39" s="28"/>
    </row>
    <row r="40" spans="1:16" ht="14.25">
      <c r="A40" s="103"/>
      <c r="B40" s="109"/>
      <c r="C40" s="43"/>
      <c r="D40" s="39"/>
      <c r="E40" s="31"/>
      <c r="F40" s="31"/>
      <c r="G40" s="32"/>
      <c r="H40" s="69"/>
      <c r="I40" s="146"/>
      <c r="J40" s="60"/>
      <c r="K40" s="45"/>
      <c r="L40" s="34"/>
    </row>
    <row r="41" spans="1:16" ht="14.25">
      <c r="A41" s="106"/>
      <c r="B41" s="107"/>
      <c r="C41" s="61"/>
      <c r="D41" s="14"/>
      <c r="E41" s="15"/>
      <c r="F41" s="15"/>
      <c r="G41" s="16"/>
      <c r="H41" s="17"/>
      <c r="I41" s="35"/>
      <c r="J41" s="38"/>
      <c r="K41" s="18"/>
      <c r="L41" s="19"/>
    </row>
    <row r="42" spans="1:16">
      <c r="A42" s="93"/>
      <c r="B42" s="94"/>
      <c r="C42" s="20"/>
      <c r="D42" s="21"/>
      <c r="E42" s="22"/>
      <c r="F42" s="22"/>
      <c r="G42" s="23"/>
      <c r="H42" s="41"/>
      <c r="I42" s="47"/>
      <c r="J42" s="42"/>
      <c r="K42" s="48"/>
      <c r="L42" s="70"/>
    </row>
    <row r="43" spans="1:16">
      <c r="A43" s="99" t="s">
        <v>20</v>
      </c>
      <c r="B43" s="96"/>
      <c r="C43" s="29"/>
      <c r="D43" s="30"/>
      <c r="E43" s="31" t="s">
        <v>0</v>
      </c>
      <c r="F43" s="31">
        <v>1</v>
      </c>
      <c r="G43" s="32"/>
      <c r="H43" s="40"/>
      <c r="I43" s="44"/>
      <c r="J43" s="49"/>
      <c r="K43" s="71"/>
      <c r="L43" s="72"/>
    </row>
    <row r="44" spans="1:16" ht="14.25">
      <c r="A44" s="91"/>
      <c r="B44" s="92"/>
      <c r="C44" s="13"/>
      <c r="D44" s="14"/>
      <c r="E44" s="15"/>
      <c r="F44" s="15"/>
      <c r="G44" s="16"/>
      <c r="H44" s="16"/>
      <c r="I44" s="37"/>
      <c r="J44" s="38"/>
      <c r="K44" s="73"/>
      <c r="L44" s="19"/>
    </row>
    <row r="45" spans="1:16" ht="14.25">
      <c r="A45" s="93"/>
      <c r="B45" s="94"/>
      <c r="C45" s="20"/>
      <c r="D45" s="21"/>
      <c r="E45" s="22"/>
      <c r="F45" s="22"/>
      <c r="G45" s="23"/>
      <c r="H45" s="23"/>
      <c r="I45" s="74"/>
      <c r="J45" s="75"/>
      <c r="K45" s="46"/>
      <c r="L45" s="28"/>
    </row>
    <row r="46" spans="1:16" ht="14.25">
      <c r="A46" s="99"/>
      <c r="B46" s="96"/>
      <c r="C46" s="29"/>
      <c r="D46" s="76"/>
      <c r="E46" s="31"/>
      <c r="F46" s="31"/>
      <c r="G46" s="32"/>
      <c r="H46" s="40"/>
      <c r="I46" s="77"/>
      <c r="J46" s="88"/>
      <c r="K46" s="45"/>
      <c r="L46" s="34"/>
    </row>
    <row r="47" spans="1:16" ht="14.25">
      <c r="A47" s="91"/>
      <c r="B47" s="92"/>
      <c r="C47" s="13"/>
      <c r="D47" s="51"/>
      <c r="E47" s="15"/>
      <c r="F47" s="15"/>
      <c r="G47" s="16"/>
      <c r="H47" s="16"/>
      <c r="I47" s="37"/>
      <c r="J47" s="38"/>
      <c r="K47" s="18"/>
      <c r="L47" s="19"/>
      <c r="P47" s="122"/>
    </row>
    <row r="48" spans="1:16" ht="14.25">
      <c r="A48" s="93"/>
      <c r="B48" s="94"/>
      <c r="C48" s="20"/>
      <c r="D48" s="21"/>
      <c r="E48" s="22"/>
      <c r="F48" s="22"/>
      <c r="G48" s="23"/>
      <c r="H48" s="23"/>
      <c r="I48" s="47"/>
      <c r="J48" s="78"/>
      <c r="K48" s="79"/>
      <c r="L48" s="28"/>
    </row>
    <row r="49" spans="1:12" ht="15" thickBot="1">
      <c r="A49" s="110"/>
      <c r="B49" s="111"/>
      <c r="C49" s="80"/>
      <c r="D49" s="81"/>
      <c r="E49" s="82"/>
      <c r="F49" s="82"/>
      <c r="G49" s="83"/>
      <c r="H49" s="90"/>
      <c r="I49" s="84"/>
      <c r="J49" s="85"/>
      <c r="K49" s="86"/>
      <c r="L49" s="87"/>
    </row>
    <row r="50" spans="1:12" ht="14.25">
      <c r="A50" s="1"/>
      <c r="B50" s="1"/>
      <c r="C50" s="1"/>
      <c r="D50" s="1"/>
      <c r="E50" s="3"/>
      <c r="F50" s="3"/>
      <c r="G50" s="4"/>
      <c r="H50" s="4"/>
      <c r="I50" s="4"/>
      <c r="J50" s="4"/>
      <c r="K50" s="1"/>
      <c r="L50" s="1"/>
    </row>
  </sheetData>
  <mergeCells count="4">
    <mergeCell ref="D3:F3"/>
    <mergeCell ref="I4:K4"/>
    <mergeCell ref="N26:N27"/>
    <mergeCell ref="O26:S26"/>
  </mergeCells>
  <phoneticPr fontId="2"/>
  <dataValidations count="2">
    <dataValidation type="list" allowBlank="1" showInputMessage="1" showErrorMessage="1" sqref="K31">
      <formula1>$O$38:$O$40</formula1>
    </dataValidation>
    <dataValidation type="list" allowBlank="1" showInputMessage="1" showErrorMessage="1" sqref="L31">
      <formula1>$Q$38:$Q$39</formula1>
    </dataValidation>
  </dataValidations>
  <printOptions horizontalCentered="1" verticalCentered="1"/>
  <pageMargins left="0.51181102362204722" right="0.51181102362204722" top="0.74803149606299213" bottom="0.35433070866141736" header="0.31496062992125984" footer="0.31496062992125984"/>
  <pageSetup paperSize="9" scale="70" orientation="landscape" horizontalDpi="4294967294" verticalDpi="1200" r:id="rId1"/>
  <colBreaks count="1" manualBreakCount="1">
    <brk id="12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費内訳書</vt:lpstr>
      <vt:lpstr>工事費内訳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1-08-25T05:11:13Z</cp:lastPrinted>
  <dcterms:created xsi:type="dcterms:W3CDTF">2014-03-20T05:03:09Z</dcterms:created>
  <dcterms:modified xsi:type="dcterms:W3CDTF">2021-08-25T05:28:18Z</dcterms:modified>
</cp:coreProperties>
</file>